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3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C452739E-452B-463D-8536-6A6197B5B5E9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  <sheet name="Sheet2" sheetId="2" r:id="rId2"/>
    <sheet name="Sheet3" sheetId="3" r:id="rId3"/>
  </sheets>
  <calcPr calcId="114210"/>
</workbook>
</file>

<file path=xl/sharedStrings.xml><?xml version="1.0" encoding="utf-8"?>
<sst xmlns="http://schemas.openxmlformats.org/spreadsheetml/2006/main" count="1345" uniqueCount="880">
  <si>
    <t>Accounting I</t>
  </si>
  <si>
    <t>Ranking</t>
  </si>
  <si>
    <t>Pueblo Centennial High School</t>
  </si>
  <si>
    <t>Jamie</t>
  </si>
  <si>
    <t>Leach</t>
  </si>
  <si>
    <t>Pine Creek High School</t>
  </si>
  <si>
    <t xml:space="preserve">Weixuan (Lucy) </t>
  </si>
  <si>
    <t>Lu</t>
  </si>
  <si>
    <t>Englewood High School</t>
  </si>
  <si>
    <t>Esperanza</t>
  </si>
  <si>
    <t>Trujillo</t>
  </si>
  <si>
    <t>Ponderosa High School</t>
  </si>
  <si>
    <t>Michael</t>
  </si>
  <si>
    <t>Kalinger</t>
  </si>
  <si>
    <t>Greeley Central High School</t>
  </si>
  <si>
    <t>Nicole</t>
  </si>
  <si>
    <t>Arizmendi</t>
  </si>
  <si>
    <t>Stratton High School</t>
  </si>
  <si>
    <t>Rachel</t>
  </si>
  <si>
    <t>Hornung</t>
  </si>
  <si>
    <t>Masi</t>
  </si>
  <si>
    <t>La Junta High School</t>
  </si>
  <si>
    <t>Krista</t>
  </si>
  <si>
    <t>Ricken</t>
  </si>
  <si>
    <t>Centauri High School</t>
  </si>
  <si>
    <t>Kaylee</t>
  </si>
  <si>
    <t>Sowards</t>
  </si>
  <si>
    <t>Alamosa High School</t>
  </si>
  <si>
    <t>Ricardo</t>
  </si>
  <si>
    <t>Lopez</t>
  </si>
  <si>
    <t>ACCOUNTING II</t>
  </si>
  <si>
    <t>Woodland High School</t>
  </si>
  <si>
    <t>Alan</t>
  </si>
  <si>
    <t>Bunting</t>
  </si>
  <si>
    <t>James</t>
  </si>
  <si>
    <t>DeHerrera</t>
  </si>
  <si>
    <t>Fruita Monument High School</t>
  </si>
  <si>
    <t>Hanna</t>
  </si>
  <si>
    <t>Cuoco</t>
  </si>
  <si>
    <t>Pagosa Springs High School</t>
  </si>
  <si>
    <t>Jennifer</t>
  </si>
  <si>
    <t>Haynes</t>
  </si>
  <si>
    <t>Cedaredge High School</t>
  </si>
  <si>
    <t>Lauren</t>
  </si>
  <si>
    <t>Nicholas</t>
  </si>
  <si>
    <t>Adam</t>
  </si>
  <si>
    <t>Gubbels</t>
  </si>
  <si>
    <t>Grandview High School</t>
  </si>
  <si>
    <t>Matt</t>
  </si>
  <si>
    <t>Schlanger</t>
  </si>
  <si>
    <t>Douglas County High School</t>
  </si>
  <si>
    <t>Melinda</t>
  </si>
  <si>
    <t>Kinney</t>
  </si>
  <si>
    <t>Fort Morgan High School</t>
  </si>
  <si>
    <t>Nichole</t>
  </si>
  <si>
    <t>Wooldridge</t>
  </si>
  <si>
    <t>Canon City High School</t>
  </si>
  <si>
    <t>Justin</t>
  </si>
  <si>
    <t>Grantham</t>
  </si>
  <si>
    <t>AMERICAN ENTEPRISE</t>
  </si>
  <si>
    <t>Sargent High School</t>
  </si>
  <si>
    <t>Adams, Kaiser</t>
  </si>
  <si>
    <t>Haxtun High School</t>
  </si>
  <si>
    <t>Starkebaum, Fetzer</t>
  </si>
  <si>
    <t>Monarch High School</t>
  </si>
  <si>
    <t>Allen, Denig, Frye</t>
  </si>
  <si>
    <t>Peetz High School</t>
  </si>
  <si>
    <t>Long, Schumacher, Hanley</t>
  </si>
  <si>
    <t>Sterling High School</t>
  </si>
  <si>
    <t>Edelman, Lambrecht</t>
  </si>
  <si>
    <t>Merino High School</t>
  </si>
  <si>
    <t>Barnes, Getchell, Ladd</t>
  </si>
  <si>
    <t>DeHerrera, Medina, Walsh</t>
  </si>
  <si>
    <t>Boulder Valley Voc Tech School</t>
  </si>
  <si>
    <t>Delgado, Ervin, Morris</t>
  </si>
  <si>
    <t>Cherry Creek High School</t>
  </si>
  <si>
    <t>Bloom</t>
  </si>
  <si>
    <t>Banking and Financial Systems</t>
  </si>
  <si>
    <t>Roosevelt High School</t>
  </si>
  <si>
    <t>BJ</t>
  </si>
  <si>
    <t>Cummins</t>
  </si>
  <si>
    <t>Denver East High School</t>
  </si>
  <si>
    <t>Luke</t>
  </si>
  <si>
    <t>Johnson</t>
  </si>
  <si>
    <t>Windsor High School</t>
  </si>
  <si>
    <t>Kalenn</t>
  </si>
  <si>
    <t>O'Leary</t>
  </si>
  <si>
    <t>Smoky Hill High School</t>
  </si>
  <si>
    <t>Carson</t>
  </si>
  <si>
    <t>Noble</t>
  </si>
  <si>
    <t>Halsey</t>
  </si>
  <si>
    <t>Fritz</t>
  </si>
  <si>
    <t>Megan</t>
  </si>
  <si>
    <t>Faucett</t>
  </si>
  <si>
    <t>Fossil Ridge High School</t>
  </si>
  <si>
    <t>Brandon</t>
  </si>
  <si>
    <t>McBride</t>
  </si>
  <si>
    <t>Victoria</t>
  </si>
  <si>
    <t>Minter</t>
  </si>
  <si>
    <t>Myra</t>
  </si>
  <si>
    <t>Caldera</t>
  </si>
  <si>
    <t>Josh</t>
  </si>
  <si>
    <t>Dale</t>
  </si>
  <si>
    <t>Business Calculations</t>
  </si>
  <si>
    <t>Battle Mountain High School</t>
  </si>
  <si>
    <t>Chris</t>
  </si>
  <si>
    <t>Woodruff</t>
  </si>
  <si>
    <t>Burlington High School</t>
  </si>
  <si>
    <t>Randy</t>
  </si>
  <si>
    <t>McElwain</t>
  </si>
  <si>
    <t>Vincent</t>
  </si>
  <si>
    <t>Newell</t>
  </si>
  <si>
    <t>Thornton High School</t>
  </si>
  <si>
    <t>David</t>
  </si>
  <si>
    <t>Stone</t>
  </si>
  <si>
    <t>Mountain Valley High School</t>
  </si>
  <si>
    <t>Hazard</t>
  </si>
  <si>
    <t>Lamar High School</t>
  </si>
  <si>
    <t>Daniel</t>
  </si>
  <si>
    <t>Nevius</t>
  </si>
  <si>
    <t>Valley High School</t>
  </si>
  <si>
    <t>Marcus</t>
  </si>
  <si>
    <t>Stewart</t>
  </si>
  <si>
    <t>Alex</t>
  </si>
  <si>
    <t>Howard</t>
  </si>
  <si>
    <t>Schuyler</t>
  </si>
  <si>
    <t>Yost</t>
  </si>
  <si>
    <t>Rampart High School</t>
  </si>
  <si>
    <t>Angeles</t>
  </si>
  <si>
    <t>Business Communications</t>
  </si>
  <si>
    <t>Akshay</t>
  </si>
  <si>
    <t>Buddiga</t>
  </si>
  <si>
    <t>Jenni</t>
  </si>
  <si>
    <t>Webb-Shearston</t>
  </si>
  <si>
    <t>Kali</t>
  </si>
  <si>
    <t>Greff</t>
  </si>
  <si>
    <t>Molly</t>
  </si>
  <si>
    <t>Armbrister</t>
  </si>
  <si>
    <t>Idalia High School</t>
  </si>
  <si>
    <t>Scott</t>
  </si>
  <si>
    <t>Cure</t>
  </si>
  <si>
    <t>Grand Valley High School</t>
  </si>
  <si>
    <t>Lindsay</t>
  </si>
  <si>
    <t>Levine</t>
  </si>
  <si>
    <t>Arickaree High School</t>
  </si>
  <si>
    <t>Danica</t>
  </si>
  <si>
    <t>Baker</t>
  </si>
  <si>
    <t>Paul</t>
  </si>
  <si>
    <t>Macias</t>
  </si>
  <si>
    <t>Salida High School</t>
  </si>
  <si>
    <t>Jake</t>
  </si>
  <si>
    <t>Lindbloom</t>
  </si>
  <si>
    <t>Sanford High School</t>
  </si>
  <si>
    <t>Kimberly</t>
  </si>
  <si>
    <t>Crowther</t>
  </si>
  <si>
    <t xml:space="preserve">BUSINESS ETHICS </t>
  </si>
  <si>
    <t>Chen, Geiger, Paddock</t>
  </si>
  <si>
    <t>Estrada, Otterman,Eveatt</t>
  </si>
  <si>
    <t>Rummelein, Rollins, Thomas</t>
  </si>
  <si>
    <t>Herodotus, Spinuzzi</t>
  </si>
  <si>
    <t>Cheraw High School</t>
  </si>
  <si>
    <t>Bay, Rains, Beebe</t>
  </si>
  <si>
    <t>Pueblo County High School</t>
  </si>
  <si>
    <t>Martinet, Stecco</t>
  </si>
  <si>
    <t>Grand Junction High School</t>
  </si>
  <si>
    <t>Miller, Nelms</t>
  </si>
  <si>
    <t>Littleton Senior High School</t>
  </si>
  <si>
    <t>Dickey, Calhoun, Odenwalder</t>
  </si>
  <si>
    <t>Fort Collins High School</t>
  </si>
  <si>
    <t>Frye, Eiron</t>
  </si>
  <si>
    <t>Glenwood Springs High School</t>
  </si>
  <si>
    <t>Martin, Whiting</t>
  </si>
  <si>
    <t>BUSINESS FINANCIAL PLAN</t>
  </si>
  <si>
    <t>Hagemeyer, Conklin</t>
  </si>
  <si>
    <t>Bales, Cashdollar, Cox</t>
  </si>
  <si>
    <t>Cramer, Jost</t>
  </si>
  <si>
    <t>Shankar, Aarthi</t>
  </si>
  <si>
    <t>Hamilton, Atkins</t>
  </si>
  <si>
    <t>Arapahoe High School</t>
  </si>
  <si>
    <t>Fesler, Davie</t>
  </si>
  <si>
    <t>Brisby, Lindstrom, Long</t>
  </si>
  <si>
    <t>Berthoud High School</t>
  </si>
  <si>
    <t>Pilkington, Sabados, Sakowicz</t>
  </si>
  <si>
    <t>Moore, West</t>
  </si>
  <si>
    <t>Business Law</t>
  </si>
  <si>
    <t>Leah</t>
  </si>
  <si>
    <t>Brinks</t>
  </si>
  <si>
    <t>Peyton High School</t>
  </si>
  <si>
    <t xml:space="preserve">Josh </t>
  </si>
  <si>
    <t>Rogers</t>
  </si>
  <si>
    <t>Sand Creek High School</t>
  </si>
  <si>
    <t>Amber</t>
  </si>
  <si>
    <t>Bedee</t>
  </si>
  <si>
    <t>Julesburg High School</t>
  </si>
  <si>
    <t>Cody</t>
  </si>
  <si>
    <t>Collins</t>
  </si>
  <si>
    <t>Swink High School</t>
  </si>
  <si>
    <t>Claire</t>
  </si>
  <si>
    <t>Overturf</t>
  </si>
  <si>
    <t>Strasburg High School</t>
  </si>
  <si>
    <t>Craig</t>
  </si>
  <si>
    <t>Furstenau</t>
  </si>
  <si>
    <t>Air Academy High School</t>
  </si>
  <si>
    <t xml:space="preserve">Jennifer </t>
  </si>
  <si>
    <t>Hernandez</t>
  </si>
  <si>
    <t>Joshua</t>
  </si>
  <si>
    <t>Andrew</t>
  </si>
  <si>
    <t>Medina</t>
  </si>
  <si>
    <t>Yvonne</t>
  </si>
  <si>
    <t>Schroeder</t>
  </si>
  <si>
    <t>Business Math</t>
  </si>
  <si>
    <t>Kevin</t>
  </si>
  <si>
    <t>Li</t>
  </si>
  <si>
    <t>Eliza</t>
  </si>
  <si>
    <t>Poet</t>
  </si>
  <si>
    <t>Falcon High School</t>
  </si>
  <si>
    <t>Melanie</t>
  </si>
  <si>
    <t>MacDonald</t>
  </si>
  <si>
    <t>Grant</t>
  </si>
  <si>
    <t>Slinger</t>
  </si>
  <si>
    <t>Brian</t>
  </si>
  <si>
    <t>Ford</t>
  </si>
  <si>
    <t>Hi Plains High School</t>
  </si>
  <si>
    <t>Bryant</t>
  </si>
  <si>
    <t>Benson</t>
  </si>
  <si>
    <t>Long</t>
  </si>
  <si>
    <t>Jacob</t>
  </si>
  <si>
    <t>Brush High School</t>
  </si>
  <si>
    <t>Cole</t>
  </si>
  <si>
    <t>Kembel</t>
  </si>
  <si>
    <t>Forslund</t>
  </si>
  <si>
    <t>BUSINESS PLAN</t>
  </si>
  <si>
    <t>Tucker, Furuto</t>
  </si>
  <si>
    <t>Meier, Austin</t>
  </si>
  <si>
    <t>Hawthorne, Jeff</t>
  </si>
  <si>
    <t>Tessier, Licht</t>
  </si>
  <si>
    <t>Padilla, Schnoor, Miner</t>
  </si>
  <si>
    <t>Springfield High School</t>
  </si>
  <si>
    <t>Gunkel, Sarah</t>
  </si>
  <si>
    <t>Gunnels, Haugen</t>
  </si>
  <si>
    <t>Houin, Chen, Leitheiser</t>
  </si>
  <si>
    <t>Bethune High School</t>
  </si>
  <si>
    <t>Medford, Aranci</t>
  </si>
  <si>
    <t>Harmer, Miller, Deiner</t>
  </si>
  <si>
    <t>Business Procedures</t>
  </si>
  <si>
    <t xml:space="preserve">Paige </t>
  </si>
  <si>
    <t>Wunderlich</t>
  </si>
  <si>
    <t>Ramona</t>
  </si>
  <si>
    <t>Kimmett</t>
  </si>
  <si>
    <t>Aaron</t>
  </si>
  <si>
    <t>Miller</t>
  </si>
  <si>
    <t>Mallorie</t>
  </si>
  <si>
    <t>Leiker</t>
  </si>
  <si>
    <t>Holly</t>
  </si>
  <si>
    <t>Graham</t>
  </si>
  <si>
    <t>Ian</t>
  </si>
  <si>
    <t>Glycenfer</t>
  </si>
  <si>
    <t>Sewick</t>
  </si>
  <si>
    <t xml:space="preserve">Nathan </t>
  </si>
  <si>
    <t>Rueb</t>
  </si>
  <si>
    <t>Jay</t>
  </si>
  <si>
    <t>Clark</t>
  </si>
  <si>
    <t>Lisa</t>
  </si>
  <si>
    <t>Fisbeck</t>
  </si>
  <si>
    <t>C++ PROGRAMMING</t>
  </si>
  <si>
    <t>Thompson Valley High School</t>
  </si>
  <si>
    <t>Forrest</t>
  </si>
  <si>
    <t>Heller</t>
  </si>
  <si>
    <t>Zach</t>
  </si>
  <si>
    <t>Oligschlager</t>
  </si>
  <si>
    <t>Calhan High School</t>
  </si>
  <si>
    <t xml:space="preserve">James </t>
  </si>
  <si>
    <t>Powell</t>
  </si>
  <si>
    <t>Fairview High School</t>
  </si>
  <si>
    <t>Norris</t>
  </si>
  <si>
    <t>Xu</t>
  </si>
  <si>
    <t>Kim</t>
  </si>
  <si>
    <t>Nguyen</t>
  </si>
  <si>
    <t>Northridge High School</t>
  </si>
  <si>
    <t>Robert</t>
  </si>
  <si>
    <t>Schwenz</t>
  </si>
  <si>
    <t>Dustin</t>
  </si>
  <si>
    <t>Disalle</t>
  </si>
  <si>
    <t>COMMUNITY SERVICE</t>
  </si>
  <si>
    <t>Wells, Gibson</t>
  </si>
  <si>
    <t>Kreager, Ersek, Goldberg</t>
  </si>
  <si>
    <t>Holyoke High School</t>
  </si>
  <si>
    <t>Noel, Moss</t>
  </si>
  <si>
    <t>Liberty High School - Joes</t>
  </si>
  <si>
    <t>Benton, Haarberg, Haarberg</t>
  </si>
  <si>
    <t>Kaiser, Glavin, Salyards</t>
  </si>
  <si>
    <t>Broce, Crump, Pearce</t>
  </si>
  <si>
    <t>Rock Canyon High School</t>
  </si>
  <si>
    <t>Cocetti, Brennan, Brewer</t>
  </si>
  <si>
    <t>Fort Lupton High School</t>
  </si>
  <si>
    <t>Corder, Romero</t>
  </si>
  <si>
    <t>Otis High School</t>
  </si>
  <si>
    <t>Corman, Ison, Bernhardt</t>
  </si>
  <si>
    <t>Herrera, Hull, Ohlson</t>
  </si>
  <si>
    <t>COMPUTER APPLICATIONS</t>
  </si>
  <si>
    <t>Broce</t>
  </si>
  <si>
    <t>Wes</t>
  </si>
  <si>
    <t>Markegard</t>
  </si>
  <si>
    <t>Jessica</t>
  </si>
  <si>
    <t>Procko</t>
  </si>
  <si>
    <t>Crowley County High School</t>
  </si>
  <si>
    <t>Philip</t>
  </si>
  <si>
    <t>Mayhoffer</t>
  </si>
  <si>
    <t>Pueblo Central High School</t>
  </si>
  <si>
    <t>Ashton</t>
  </si>
  <si>
    <t>Toribio</t>
  </si>
  <si>
    <t>Meeker High School</t>
  </si>
  <si>
    <t>Kelsey</t>
  </si>
  <si>
    <t>Kendall</t>
  </si>
  <si>
    <t>Mulligan</t>
  </si>
  <si>
    <t>Bryce</t>
  </si>
  <si>
    <t>Lanckreit</t>
  </si>
  <si>
    <t>Laurel</t>
  </si>
  <si>
    <t>Jebe</t>
  </si>
  <si>
    <t>Kristin</t>
  </si>
  <si>
    <t>Gardiner</t>
  </si>
  <si>
    <t>DESKTOP PUBLISHING</t>
  </si>
  <si>
    <t>Hirsch, Doss</t>
  </si>
  <si>
    <t>Wiggins High School</t>
  </si>
  <si>
    <t>Pollock, Kopetzky</t>
  </si>
  <si>
    <t>Reyes, Spencer</t>
  </si>
  <si>
    <t>Adams, Wells</t>
  </si>
  <si>
    <t>Hovis, Brumfield</t>
  </si>
  <si>
    <t>Greeley West High School</t>
  </si>
  <si>
    <t>Pierson, Gerk</t>
  </si>
  <si>
    <t>Gallegos, Holligan</t>
  </si>
  <si>
    <t>Haines, Blasi</t>
  </si>
  <si>
    <t>Byers High School</t>
  </si>
  <si>
    <t>Bunce, Helkey</t>
  </si>
  <si>
    <t>Prairie High School</t>
  </si>
  <si>
    <t>McEndaffer, Northup</t>
  </si>
  <si>
    <t>DIGITAL VIDEO</t>
  </si>
  <si>
    <t>Kinz, Mark</t>
  </si>
  <si>
    <t>Hoehne High School</t>
  </si>
  <si>
    <t>Paradisa, Clark</t>
  </si>
  <si>
    <t>Kroeger, Walters</t>
  </si>
  <si>
    <t>Broomfield High School</t>
  </si>
  <si>
    <t>Harper, Curry</t>
  </si>
  <si>
    <t>Biel, Burt</t>
  </si>
  <si>
    <t>Kitchell, Lordemann, Brown</t>
  </si>
  <si>
    <t>Steamboat Springs High School</t>
  </si>
  <si>
    <t>Ruppel, Peterson</t>
  </si>
  <si>
    <t>Rocky Ford High School</t>
  </si>
  <si>
    <t>Garcia, Herrera, Mason</t>
  </si>
  <si>
    <t>Monte Vista High School</t>
  </si>
  <si>
    <t>Crawford, Ortega</t>
  </si>
  <si>
    <t>Thoke, Han</t>
  </si>
  <si>
    <t xml:space="preserve">E-BUSINESS </t>
  </si>
  <si>
    <t>Anna</t>
  </si>
  <si>
    <t>Ivanova, Aragon</t>
  </si>
  <si>
    <t>Struthers</t>
  </si>
  <si>
    <t>Jefferson</t>
  </si>
  <si>
    <t>Geirger, Vo</t>
  </si>
  <si>
    <t>Genoa-Hugo High School</t>
  </si>
  <si>
    <t>Breanna</t>
  </si>
  <si>
    <t>Sage, Ward</t>
  </si>
  <si>
    <t>Haley</t>
  </si>
  <si>
    <t>Beardsley, Mueller, Janda</t>
  </si>
  <si>
    <t>Alexis</t>
  </si>
  <si>
    <t>Benson-Lively, Freidly</t>
  </si>
  <si>
    <t>Poudre High School</t>
  </si>
  <si>
    <t>Nate</t>
  </si>
  <si>
    <t>Bade, Chilson</t>
  </si>
  <si>
    <t>Pueblo West High School</t>
  </si>
  <si>
    <t>Tyson</t>
  </si>
  <si>
    <t>Owens, Breske</t>
  </si>
  <si>
    <t>Economics</t>
  </si>
  <si>
    <t>Rocky Mountain High School</t>
  </si>
  <si>
    <t>Lipeng</t>
  </si>
  <si>
    <t>Peng</t>
  </si>
  <si>
    <t>Loveland High School</t>
  </si>
  <si>
    <t>Ben</t>
  </si>
  <si>
    <t>Bissantz</t>
  </si>
  <si>
    <t>Palisade High School</t>
  </si>
  <si>
    <t>Pfretzschner</t>
  </si>
  <si>
    <t>Liberty High School</t>
  </si>
  <si>
    <t>Costello</t>
  </si>
  <si>
    <t>Kim High School</t>
  </si>
  <si>
    <t>Sarah</t>
  </si>
  <si>
    <t>Pueblo East High School</t>
  </si>
  <si>
    <t xml:space="preserve">Cassandra </t>
  </si>
  <si>
    <t>Casias</t>
  </si>
  <si>
    <t>Central High School</t>
  </si>
  <si>
    <t>Melody</t>
  </si>
  <si>
    <t>Maitland</t>
  </si>
  <si>
    <t>Russell</t>
  </si>
  <si>
    <t>Whitham</t>
  </si>
  <si>
    <t>Selbst</t>
  </si>
  <si>
    <t>Flagler High School</t>
  </si>
  <si>
    <t>Charles</t>
  </si>
  <si>
    <t>Boyd</t>
  </si>
  <si>
    <t>ELECTRONIC CAREER PORTFOLIO</t>
  </si>
  <si>
    <t>Tanisha</t>
  </si>
  <si>
    <t>Cocetti</t>
  </si>
  <si>
    <t>Quintana</t>
  </si>
  <si>
    <t>Elizabeth</t>
  </si>
  <si>
    <t>Kroeker</t>
  </si>
  <si>
    <t>Moriah</t>
  </si>
  <si>
    <t>Gerrish</t>
  </si>
  <si>
    <t>Lucas</t>
  </si>
  <si>
    <t>Purdy</t>
  </si>
  <si>
    <t>Legacy High School</t>
  </si>
  <si>
    <t>Chelsey</t>
  </si>
  <si>
    <t>Jernigan</t>
  </si>
  <si>
    <t>Rangely High School</t>
  </si>
  <si>
    <t>Katie</t>
  </si>
  <si>
    <t>Stefanek</t>
  </si>
  <si>
    <t>Kayla</t>
  </si>
  <si>
    <t>Jones</t>
  </si>
  <si>
    <t>Audrey</t>
  </si>
  <si>
    <t>Sayles</t>
  </si>
  <si>
    <t>Kortney</t>
  </si>
  <si>
    <t>Faucette</t>
  </si>
  <si>
    <t xml:space="preserve">EMERGING BUSINESS ISSUES </t>
  </si>
  <si>
    <t>Currey, Reddy</t>
  </si>
  <si>
    <t>Markinsohn, Hayworth, Hanson</t>
  </si>
  <si>
    <t>Panza, Medina, Reed</t>
  </si>
  <si>
    <t>Montoya, Christian</t>
  </si>
  <si>
    <t>Jackson, Gleason</t>
  </si>
  <si>
    <t>Denver South High School</t>
  </si>
  <si>
    <t>Skalski, Lind</t>
  </si>
  <si>
    <t>Delta High School</t>
  </si>
  <si>
    <t>Baillie, Chapman</t>
  </si>
  <si>
    <t>Portenier, Barrett, Carwin</t>
  </si>
  <si>
    <t>Scheck, Meier</t>
  </si>
  <si>
    <t>Canty, Peterson</t>
  </si>
  <si>
    <t>Entrepreneurship</t>
  </si>
  <si>
    <t>Lake County High School</t>
  </si>
  <si>
    <t>Rifle High School</t>
  </si>
  <si>
    <t>Eads High School</t>
  </si>
  <si>
    <t>FBLA Principles and Procedures</t>
  </si>
  <si>
    <t>Kelly</t>
  </si>
  <si>
    <t>Heo</t>
  </si>
  <si>
    <t>Hirokawa</t>
  </si>
  <si>
    <t>Hope</t>
  </si>
  <si>
    <t>Rheingans</t>
  </si>
  <si>
    <t>Samantha</t>
  </si>
  <si>
    <t>Mitchell</t>
  </si>
  <si>
    <t>Kellsie</t>
  </si>
  <si>
    <t>Nienhuser</t>
  </si>
  <si>
    <t xml:space="preserve">Taylor </t>
  </si>
  <si>
    <t>Alvarez</t>
  </si>
  <si>
    <t xml:space="preserve">Clint </t>
  </si>
  <si>
    <t>Hammond</t>
  </si>
  <si>
    <t>Jeanette</t>
  </si>
  <si>
    <t>Garcia</t>
  </si>
  <si>
    <t>DeRose</t>
  </si>
  <si>
    <t xml:space="preserve">FUTURE BUSINESS LEADER </t>
  </si>
  <si>
    <t>Bijah</t>
  </si>
  <si>
    <t>Gibson</t>
  </si>
  <si>
    <t>Lynnsey</t>
  </si>
  <si>
    <t>Lambrecht</t>
  </si>
  <si>
    <t>Mallory</t>
  </si>
  <si>
    <t>Green</t>
  </si>
  <si>
    <t xml:space="preserve">Corey </t>
  </si>
  <si>
    <t>Beebe</t>
  </si>
  <si>
    <t>Platte Valley High School</t>
  </si>
  <si>
    <t>Stacie</t>
  </si>
  <si>
    <t>Bandy</t>
  </si>
  <si>
    <t xml:space="preserve">Melinda </t>
  </si>
  <si>
    <t>Spurlin</t>
  </si>
  <si>
    <t>Middle Park High School</t>
  </si>
  <si>
    <t>Zez</t>
  </si>
  <si>
    <t>Ready</t>
  </si>
  <si>
    <t>Natalie</t>
  </si>
  <si>
    <t>Steverson</t>
  </si>
  <si>
    <t>Reschke</t>
  </si>
  <si>
    <t>Barry</t>
  </si>
  <si>
    <t>Loseke</t>
  </si>
  <si>
    <t xml:space="preserve">Global Business </t>
  </si>
  <si>
    <t>Durango High School</t>
  </si>
  <si>
    <t>Impromptu Speaking</t>
  </si>
  <si>
    <t>Hunter  Headley</t>
  </si>
  <si>
    <t>Darby Emerson</t>
  </si>
  <si>
    <t>Lisa Truong</t>
  </si>
  <si>
    <t>Caliche High School</t>
  </si>
  <si>
    <t>Jenna  Vickers</t>
  </si>
  <si>
    <t>Shelly Koroshetz</t>
  </si>
  <si>
    <t>Sean Rodgers</t>
  </si>
  <si>
    <t>Wade Laurent</t>
  </si>
  <si>
    <t>Erica Medina</t>
  </si>
  <si>
    <t>Brian Flanagan</t>
  </si>
  <si>
    <t>Wray High School</t>
  </si>
  <si>
    <t>Adam Sisk</t>
  </si>
  <si>
    <t>Introduction to Business</t>
  </si>
  <si>
    <t>Allen</t>
  </si>
  <si>
    <t>Hatch</t>
  </si>
  <si>
    <t>Chaparral High School</t>
  </si>
  <si>
    <t>Patrick</t>
  </si>
  <si>
    <t>Barringer</t>
  </si>
  <si>
    <t>Thompson</t>
  </si>
  <si>
    <t>Jaiden</t>
  </si>
  <si>
    <t>Potter</t>
  </si>
  <si>
    <t>Williams</t>
  </si>
  <si>
    <t>Jared</t>
  </si>
  <si>
    <t>Derrera</t>
  </si>
  <si>
    <t>Andria</t>
  </si>
  <si>
    <t>Vance</t>
  </si>
  <si>
    <t>Ashley</t>
  </si>
  <si>
    <t>New</t>
  </si>
  <si>
    <t>Olathe High School</t>
  </si>
  <si>
    <t>Brummitt</t>
  </si>
  <si>
    <t>Caitlyn</t>
  </si>
  <si>
    <t>Cottrell</t>
  </si>
  <si>
    <t>Introduction to Business Communications</t>
  </si>
  <si>
    <t>Adkisson</t>
  </si>
  <si>
    <t>Tyler</t>
  </si>
  <si>
    <t>Prentiss</t>
  </si>
  <si>
    <t>Short</t>
  </si>
  <si>
    <t>Drew</t>
  </si>
  <si>
    <t>Brice</t>
  </si>
  <si>
    <t>Cami</t>
  </si>
  <si>
    <t>McCullough</t>
  </si>
  <si>
    <t>Raquel</t>
  </si>
  <si>
    <t>Fuentes</t>
  </si>
  <si>
    <t>Catherine</t>
  </si>
  <si>
    <t>Beckel</t>
  </si>
  <si>
    <t>University High School</t>
  </si>
  <si>
    <t>Austin</t>
  </si>
  <si>
    <t>Bagley</t>
  </si>
  <si>
    <t>John Mall High School</t>
  </si>
  <si>
    <t>Tifany</t>
  </si>
  <si>
    <t>Meadows</t>
  </si>
  <si>
    <t>Introduction to Parli Pro</t>
  </si>
  <si>
    <t>Tim</t>
  </si>
  <si>
    <t>Malouff</t>
  </si>
  <si>
    <t>Stephanie</t>
  </si>
  <si>
    <t>Wang</t>
  </si>
  <si>
    <t>Meral</t>
  </si>
  <si>
    <t>Sarper</t>
  </si>
  <si>
    <t>Jeni</t>
  </si>
  <si>
    <t>Boerner</t>
  </si>
  <si>
    <t>Dove Creek High School</t>
  </si>
  <si>
    <t>Veronica</t>
  </si>
  <si>
    <t>McClave High School</t>
  </si>
  <si>
    <t>Blayze</t>
  </si>
  <si>
    <t>Melgoza</t>
  </si>
  <si>
    <t>Shane</t>
  </si>
  <si>
    <t>Baldauf</t>
  </si>
  <si>
    <t>Pilkington</t>
  </si>
  <si>
    <t>Tanner</t>
  </si>
  <si>
    <t>Krall</t>
  </si>
  <si>
    <t>Introduction to Technology Concepts</t>
  </si>
  <si>
    <t>Christopher</t>
  </si>
  <si>
    <t>Corey</t>
  </si>
  <si>
    <t>Ackerman</t>
  </si>
  <si>
    <t>Jonathan</t>
  </si>
  <si>
    <t>Meek</t>
  </si>
  <si>
    <t>Mountain Range High School</t>
  </si>
  <si>
    <t>Kyle (Jeffrey)</t>
  </si>
  <si>
    <t>Castor</t>
  </si>
  <si>
    <t>Eaton High School</t>
  </si>
  <si>
    <t>Asche</t>
  </si>
  <si>
    <t>Levi</t>
  </si>
  <si>
    <t>Hallman</t>
  </si>
  <si>
    <t>Eaglecrest High School</t>
  </si>
  <si>
    <t>Shannon</t>
  </si>
  <si>
    <t>Gallegos</t>
  </si>
  <si>
    <t>JAVA PROGRAMMING</t>
  </si>
  <si>
    <t>Hart</t>
  </si>
  <si>
    <t>Mutian</t>
  </si>
  <si>
    <t>Yao</t>
  </si>
  <si>
    <t>Doherty High School</t>
  </si>
  <si>
    <t>Nakayama</t>
  </si>
  <si>
    <t>Nick</t>
  </si>
  <si>
    <t>Aberle</t>
  </si>
  <si>
    <t>Kirk</t>
  </si>
  <si>
    <t>Chambers</t>
  </si>
  <si>
    <t>Zoglo</t>
  </si>
  <si>
    <t>Montrose High School</t>
  </si>
  <si>
    <t>Wanner</t>
  </si>
  <si>
    <t>Findley</t>
  </si>
  <si>
    <t>Chernyak</t>
  </si>
  <si>
    <t>Ryan</t>
  </si>
  <si>
    <t>Hillin</t>
  </si>
  <si>
    <t xml:space="preserve">JOB INTERVIEW </t>
  </si>
  <si>
    <t>Kaila Terwillinger</t>
  </si>
  <si>
    <t>Nicole Prado</t>
  </si>
  <si>
    <t>ThunderRidge High School</t>
  </si>
  <si>
    <t>Laura Jett</t>
  </si>
  <si>
    <t>Zach Streeb</t>
  </si>
  <si>
    <t>Katlin Hornig</t>
  </si>
  <si>
    <t>Madison Krall</t>
  </si>
  <si>
    <t>Mindy Schifferns</t>
  </si>
  <si>
    <t>Marie Poisson</t>
  </si>
  <si>
    <t>Chad Bogner</t>
  </si>
  <si>
    <t>Antonito High School</t>
  </si>
  <si>
    <t>Anthony Martinez</t>
  </si>
  <si>
    <t>Local Annual Business Report</t>
  </si>
  <si>
    <t>Sagehorn, Elisa</t>
  </si>
  <si>
    <t>Dishman, Kipp, Harms</t>
  </si>
  <si>
    <t>Nguyen, Rama</t>
  </si>
  <si>
    <t>Big Sandy High School</t>
  </si>
  <si>
    <t>Alexander, Webb, Snyder</t>
  </si>
  <si>
    <t>Griffin, Herrick</t>
  </si>
  <si>
    <t>Stieb, Thompson</t>
  </si>
  <si>
    <t>Hornig, Paulson</t>
  </si>
  <si>
    <t>Anderson, Phinney, Dale</t>
  </si>
  <si>
    <t>Coy, Foxhoven</t>
  </si>
  <si>
    <t>Hines, Schlichenmayer</t>
  </si>
  <si>
    <t>Management Decision Making</t>
  </si>
  <si>
    <t>Griggs, Philson</t>
  </si>
  <si>
    <t>Hernandez, Matthews, O'Farrell</t>
  </si>
  <si>
    <t>Braby, Manzanares</t>
  </si>
  <si>
    <t>Mountain Vista High School</t>
  </si>
  <si>
    <t>Arter, Chatterjee</t>
  </si>
  <si>
    <t>Curto, Frary, Rascon</t>
  </si>
  <si>
    <t>Magurany, Qui, Xu</t>
  </si>
  <si>
    <t>Barton, Smith</t>
  </si>
  <si>
    <t>Gronberg, McDonald, VanWoerkom</t>
  </si>
  <si>
    <t>Centaurus High School</t>
  </si>
  <si>
    <t>Balsley, Zink</t>
  </si>
  <si>
    <t>Ellis, Timmer</t>
  </si>
  <si>
    <t>Marketing</t>
  </si>
  <si>
    <t>Andy</t>
  </si>
  <si>
    <t>Yoder</t>
  </si>
  <si>
    <t>Rosie</t>
  </si>
  <si>
    <t>Lee</t>
  </si>
  <si>
    <t>Blake</t>
  </si>
  <si>
    <t>Schlup</t>
  </si>
  <si>
    <t>Dana</t>
  </si>
  <si>
    <t>Kimpton</t>
  </si>
  <si>
    <t>Christina</t>
  </si>
  <si>
    <t>Pham</t>
  </si>
  <si>
    <t>Jill</t>
  </si>
  <si>
    <t>Kusa</t>
  </si>
  <si>
    <t>Coronado High School</t>
  </si>
  <si>
    <t>Parker</t>
  </si>
  <si>
    <t>King</t>
  </si>
  <si>
    <t>Danielle</t>
  </si>
  <si>
    <t>Goranson</t>
  </si>
  <si>
    <t>Pomona High School</t>
  </si>
  <si>
    <t>Leventhal</t>
  </si>
  <si>
    <t>O'Connor</t>
  </si>
  <si>
    <t>Multimedia</t>
  </si>
  <si>
    <t>Marquez, Smith, Berryman</t>
  </si>
  <si>
    <t>Gentry, Fitzsimons, Vacchinello</t>
  </si>
  <si>
    <t>Sikora, Manning</t>
  </si>
  <si>
    <t>Geist, Bond</t>
  </si>
  <si>
    <t>Kiowa High School</t>
  </si>
  <si>
    <t>Bright, Heather</t>
  </si>
  <si>
    <t>Sagehorn, Heermann</t>
  </si>
  <si>
    <t>Soroco High School</t>
  </si>
  <si>
    <t>Block, Bereznak, Lombardi</t>
  </si>
  <si>
    <t>Creede Jr./Sr. High School</t>
  </si>
  <si>
    <t>Waters, Evans</t>
  </si>
  <si>
    <t>Opatril, Cunningham</t>
  </si>
  <si>
    <t>Slogar, Leighton, Pulliam</t>
  </si>
  <si>
    <t>Network Design Team</t>
  </si>
  <si>
    <t xml:space="preserve">Karn, Pacheco, Wrona </t>
  </si>
  <si>
    <t>Emerick, Mertes, Miskella</t>
  </si>
  <si>
    <t>Del Norte High School</t>
  </si>
  <si>
    <t>Rue, O'Rourke</t>
  </si>
  <si>
    <t>Jarett, Zuege</t>
  </si>
  <si>
    <t>Kenney, Knowles, Short</t>
  </si>
  <si>
    <t>Burton, Glaze</t>
  </si>
  <si>
    <t>Carpenter, Rawlings</t>
  </si>
  <si>
    <t>Keller, Tapia, Turner</t>
  </si>
  <si>
    <t>Cabrera, Grossen, Miller</t>
  </si>
  <si>
    <t>Hotchkiss High School</t>
  </si>
  <si>
    <t>Aresenault, Miszczak</t>
  </si>
  <si>
    <t>Networking Concepts</t>
  </si>
  <si>
    <t>Boon</t>
  </si>
  <si>
    <t>Marino</t>
  </si>
  <si>
    <t>Messick</t>
  </si>
  <si>
    <t>Joe</t>
  </si>
  <si>
    <t>Mazanec</t>
  </si>
  <si>
    <t>Buccino</t>
  </si>
  <si>
    <t>Cervantes</t>
  </si>
  <si>
    <t>Saskia</t>
  </si>
  <si>
    <t>Michalenko</t>
  </si>
  <si>
    <t>Ouray High School</t>
  </si>
  <si>
    <t>Tommy</t>
  </si>
  <si>
    <t>Stovicek</t>
  </si>
  <si>
    <t>Zachary</t>
  </si>
  <si>
    <t>Vencius</t>
  </si>
  <si>
    <t>PARLIAMENTARY PROCEDURES</t>
  </si>
  <si>
    <t>Dee, Hansberry, Hawthorne, Widgery</t>
  </si>
  <si>
    <t>Baker, Funk, Stiasny, Stiasny</t>
  </si>
  <si>
    <t>Brown, Nelson, Redfern, Wailes</t>
  </si>
  <si>
    <t>Larson, Meyette, Pfleiderer, Throckmorton</t>
  </si>
  <si>
    <t>Dillon, Groff, Kopfman, VanWatermuelen</t>
  </si>
  <si>
    <t>Adams, Adams, Marinan, Werner</t>
  </si>
  <si>
    <t>Ellis, Lambert, Papp, Slous, Spears</t>
  </si>
  <si>
    <t>DeVrieze, Forney, Heikkila, Johnson</t>
  </si>
  <si>
    <t>Elizabeth High School</t>
  </si>
  <si>
    <t>Jones, Nickell, O'Brien, VanNest</t>
  </si>
  <si>
    <t>PARTNERSHIP WITH BUSINESS</t>
  </si>
  <si>
    <t>Holyoke</t>
  </si>
  <si>
    <t>Nelson, Colglazier</t>
  </si>
  <si>
    <t>Barnett, Merchant</t>
  </si>
  <si>
    <t>Kula, Penny, DeJager</t>
  </si>
  <si>
    <t>Roswold, Miketa</t>
  </si>
  <si>
    <t>Jones, McCall, Miller</t>
  </si>
  <si>
    <t>Tiley, Evans, Parham</t>
  </si>
  <si>
    <t>Reiman, Strand</t>
  </si>
  <si>
    <t>O'Farrell, Eberhard, Rastatter</t>
  </si>
  <si>
    <t xml:space="preserve">PUBLIC SPEAKING I </t>
  </si>
  <si>
    <t>Jake Abell</t>
  </si>
  <si>
    <t>Joe Zhang</t>
  </si>
  <si>
    <t>Emily Greet</t>
  </si>
  <si>
    <t>Jordan Meer</t>
  </si>
  <si>
    <t>Mountain Vista</t>
  </si>
  <si>
    <t>Mala Chatterjee</t>
  </si>
  <si>
    <t>Molly Nielsen</t>
  </si>
  <si>
    <t>Kelsey Larsen</t>
  </si>
  <si>
    <t>Marissa Amos</t>
  </si>
  <si>
    <t>Desirae Laramore</t>
  </si>
  <si>
    <t>Lindsay Benson</t>
  </si>
  <si>
    <t>PUBLIC SPEAKING II</t>
  </si>
  <si>
    <t>Shanti</t>
  </si>
  <si>
    <t>Kaeli</t>
  </si>
  <si>
    <t>West</t>
  </si>
  <si>
    <t>Andrea</t>
  </si>
  <si>
    <t>Leininger</t>
  </si>
  <si>
    <t>Gregory</t>
  </si>
  <si>
    <t>Carlson</t>
  </si>
  <si>
    <t>Breitnauer</t>
  </si>
  <si>
    <t>Emily</t>
  </si>
  <si>
    <t>Strait</t>
  </si>
  <si>
    <t>George Washington High School</t>
  </si>
  <si>
    <t xml:space="preserve">Terrence </t>
  </si>
  <si>
    <t>Caldwell</t>
  </si>
  <si>
    <t>Speake</t>
  </si>
  <si>
    <t>Cassidy</t>
  </si>
  <si>
    <t>Woodard</t>
  </si>
  <si>
    <t>Eagle Valley High School</t>
  </si>
  <si>
    <t>Brink</t>
  </si>
  <si>
    <t>Technology Concepts</t>
  </si>
  <si>
    <t>McCahan</t>
  </si>
  <si>
    <t>Pawnee High School</t>
  </si>
  <si>
    <t>Loyd</t>
  </si>
  <si>
    <t>Devin</t>
  </si>
  <si>
    <t>McKinney</t>
  </si>
  <si>
    <t>Lucero</t>
  </si>
  <si>
    <t>Mike</t>
  </si>
  <si>
    <t>Maki</t>
  </si>
  <si>
    <t>Derek</t>
  </si>
  <si>
    <t>Shotton</t>
  </si>
  <si>
    <t>Colin</t>
  </si>
  <si>
    <t>Greenwood</t>
  </si>
  <si>
    <t>Braden</t>
  </si>
  <si>
    <t>Gift</t>
  </si>
  <si>
    <t>Virtual Business Challenge</t>
  </si>
  <si>
    <t>Brumfield, Hovis, Pacheco</t>
  </si>
  <si>
    <t>Erbes, Hergenreder</t>
  </si>
  <si>
    <t>Poster</t>
  </si>
  <si>
    <t>Roosevelt</t>
  </si>
  <si>
    <t>Hull and Ramsey</t>
  </si>
  <si>
    <t>Haxtun</t>
  </si>
  <si>
    <t>Harms and Kurtzer</t>
  </si>
  <si>
    <t>ThunderRidge</t>
  </si>
  <si>
    <t>Santangelo and Warntjer</t>
  </si>
  <si>
    <t>Salyards and Kipp</t>
  </si>
  <si>
    <t>Berthoud</t>
  </si>
  <si>
    <t>Otto and Lojeske</t>
  </si>
  <si>
    <t>Hidden Lake</t>
  </si>
  <si>
    <t>Neiberger and Caraveo</t>
  </si>
  <si>
    <t>Manzanola</t>
  </si>
  <si>
    <t>Pearce and Ferritto</t>
  </si>
  <si>
    <t>Fort Morgan</t>
  </si>
  <si>
    <t>Lewis and Hamlin</t>
  </si>
  <si>
    <t>Pagasa Springs</t>
  </si>
  <si>
    <t>Adams and Harms</t>
  </si>
  <si>
    <t>Monarch</t>
  </si>
  <si>
    <t>Shanahan and Porter</t>
  </si>
  <si>
    <t>Scrapbook</t>
  </si>
  <si>
    <t>Big Sandy</t>
  </si>
  <si>
    <t>Caliche</t>
  </si>
  <si>
    <t>Douglas County</t>
  </si>
  <si>
    <t>Akron</t>
  </si>
  <si>
    <t>Prarie</t>
  </si>
  <si>
    <t>Byers</t>
  </si>
  <si>
    <t>Hoehne</t>
  </si>
  <si>
    <t>Grand Junction</t>
  </si>
  <si>
    <t>VISUAL BASIC PROGRAMMING</t>
  </si>
  <si>
    <t>Matthew</t>
  </si>
  <si>
    <t>Hass</t>
  </si>
  <si>
    <t>Estivins</t>
  </si>
  <si>
    <t>Campos</t>
  </si>
  <si>
    <t>McNear</t>
  </si>
  <si>
    <t>McCarty</t>
  </si>
  <si>
    <t>Stacy</t>
  </si>
  <si>
    <t>Reyna</t>
  </si>
  <si>
    <t>Reyes</t>
  </si>
  <si>
    <t>Tatyana</t>
  </si>
  <si>
    <t>Astafiev</t>
  </si>
  <si>
    <t>WEBSITE FINALS</t>
  </si>
  <si>
    <t>Purfield, Whitney, Torres</t>
  </si>
  <si>
    <t>Harper, Sianipar, Stepanich</t>
  </si>
  <si>
    <t>Schlegel, Schroeder, Miner</t>
  </si>
  <si>
    <t>Schrade, Schaefer</t>
  </si>
  <si>
    <t>Bosco</t>
  </si>
  <si>
    <t>Kovacik, Waters</t>
  </si>
  <si>
    <t>Choi</t>
  </si>
  <si>
    <t>Wineman, Schneider</t>
  </si>
  <si>
    <t>Sanderson</t>
  </si>
  <si>
    <t>Khattab, Dyrek, Gunther</t>
  </si>
  <si>
    <t>Who's Who</t>
  </si>
  <si>
    <t>Gibson, Bijah</t>
  </si>
  <si>
    <t>WORDPROCESSING I</t>
  </si>
  <si>
    <t>Anderson</t>
  </si>
  <si>
    <t xml:space="preserve">Greer </t>
  </si>
  <si>
    <t>Harris</t>
  </si>
  <si>
    <t>Marissa</t>
  </si>
  <si>
    <t>Marin</t>
  </si>
  <si>
    <t>Callahan</t>
  </si>
  <si>
    <t>Cynthia</t>
  </si>
  <si>
    <t>Trevizo</t>
  </si>
  <si>
    <t>Laci</t>
  </si>
  <si>
    <t>Lowe</t>
  </si>
  <si>
    <t>Jung</t>
  </si>
  <si>
    <t>Magnowski</t>
  </si>
  <si>
    <t>WORDPROCESSING II</t>
  </si>
  <si>
    <t>Breann</t>
  </si>
  <si>
    <t>Sackett</t>
  </si>
  <si>
    <t>Hardy</t>
  </si>
  <si>
    <t>Kara</t>
  </si>
  <si>
    <t>Kochenberger</t>
  </si>
  <si>
    <t>Erbes</t>
  </si>
  <si>
    <t>Myleah</t>
  </si>
  <si>
    <t>Fury</t>
  </si>
  <si>
    <t>Alyssa</t>
  </si>
  <si>
    <t>Mitson-Salazar</t>
  </si>
  <si>
    <t>Brandi</t>
  </si>
  <si>
    <t>Reid</t>
  </si>
  <si>
    <t>Jordan</t>
  </si>
  <si>
    <t>Myhre</t>
  </si>
  <si>
    <t>Hannah</t>
  </si>
  <si>
    <t>Guida</t>
  </si>
  <si>
    <t>Trinity</t>
  </si>
  <si>
    <t>Stringer</t>
  </si>
  <si>
    <t>Emelio, Melton, Peterson, Rodrigues</t>
  </si>
  <si>
    <t>Halvorsen</t>
  </si>
  <si>
    <t>Horacek</t>
  </si>
  <si>
    <t>Feeney</t>
  </si>
  <si>
    <t>Laurie</t>
  </si>
  <si>
    <t>Shi</t>
  </si>
  <si>
    <t>Stramel</t>
  </si>
  <si>
    <t>Bercellie</t>
  </si>
  <si>
    <t>Ramsey</t>
  </si>
  <si>
    <t>Barzak</t>
  </si>
  <si>
    <t>Bush</t>
  </si>
  <si>
    <t>Beavers</t>
  </si>
  <si>
    <t>Matney</t>
  </si>
  <si>
    <t>McCarthy</t>
  </si>
  <si>
    <t>Gerloff</t>
  </si>
  <si>
    <t>Love</t>
  </si>
  <si>
    <t>Purkey</t>
  </si>
  <si>
    <t>Albrandt</t>
  </si>
  <si>
    <t>Pomeroy</t>
  </si>
  <si>
    <t>Rinaldo</t>
  </si>
  <si>
    <t>Banuelos</t>
  </si>
  <si>
    <t>Gomez</t>
  </si>
  <si>
    <t>Brauchler</t>
  </si>
  <si>
    <t>Ehrlich</t>
  </si>
  <si>
    <t>Landauer</t>
  </si>
  <si>
    <t>Scigliano</t>
  </si>
  <si>
    <t>VanCuran</t>
  </si>
  <si>
    <t>Merchant</t>
  </si>
  <si>
    <t>Seay</t>
  </si>
  <si>
    <t>Eulenstein</t>
  </si>
  <si>
    <t>Wells</t>
  </si>
  <si>
    <t>Castellanet</t>
  </si>
  <si>
    <t>Straka</t>
  </si>
  <si>
    <t>Evans</t>
  </si>
  <si>
    <t>Hansberry</t>
  </si>
  <si>
    <t>Kanode</t>
  </si>
  <si>
    <t>Filus</t>
  </si>
  <si>
    <t>Levinson</t>
  </si>
  <si>
    <t>Lyons</t>
  </si>
  <si>
    <t>Simms</t>
  </si>
  <si>
    <t>Biagiotti</t>
  </si>
  <si>
    <t>Talmage</t>
  </si>
  <si>
    <t>Knol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0"/>
      <name val="Arial"/>
    </font>
    <font>
      <sz val="10"/>
      <name val="Arial"/>
    </font>
    <font>
      <b/>
      <sz val="10"/>
      <name val="Arial"/>
      <family val="2"/>
    </font>
    <font>
      <sz val="10"/>
      <color indexed="8"/>
      <name val="Arial"/>
    </font>
    <font>
      <b/>
      <sz val="10"/>
      <color indexed="8"/>
      <name val="Arial"/>
      <family val="2"/>
    </font>
    <font>
      <sz val="10"/>
      <name val="Arial"/>
      <family val="2"/>
    </font>
    <font>
      <sz val="8"/>
      <name val="Arial"/>
      <family val="2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2"/>
      </left>
      <right style="thin">
        <color indexed="22"/>
      </right>
      <top/>
      <bottom/>
      <diagonal/>
    </border>
  </borders>
  <cellStyleXfs count="3">
    <xf numFmtId="0" fontId="0" fillId="0" borderId="0"/>
    <xf numFmtId="0" fontId="3" fillId="0" borderId="0"/>
    <xf numFmtId="0" fontId="3" fillId="0" borderId="0"/>
  </cellStyleXfs>
  <cellXfs count="21">
    <xf numFmtId="0" fontId="0" fillId="0" borderId="0" xfId="0"/>
    <xf numFmtId="0" fontId="2" fillId="0" borderId="1" xfId="0" applyFont="1" applyBorder="1"/>
    <xf numFmtId="0" fontId="2" fillId="0" borderId="0" xfId="0" applyFont="1" applyAlignment="1">
      <alignment horizontal="right"/>
    </xf>
    <xf numFmtId="0" fontId="3" fillId="0" borderId="0" xfId="1" applyFont="1" applyFill="1" applyBorder="1" applyAlignment="1">
      <alignment wrapText="1"/>
    </xf>
    <xf numFmtId="0" fontId="3" fillId="0" borderId="1" xfId="1" applyFont="1" applyFill="1" applyBorder="1" applyAlignment="1">
      <alignment wrapText="1"/>
    </xf>
    <xf numFmtId="0" fontId="2" fillId="0" borderId="0" xfId="0" applyFont="1"/>
    <xf numFmtId="0" fontId="1" fillId="0" borderId="1" xfId="1" applyFont="1" applyFill="1" applyBorder="1" applyAlignment="1">
      <alignment wrapText="1"/>
    </xf>
    <xf numFmtId="0" fontId="1" fillId="0" borderId="0" xfId="1" applyFont="1" applyFill="1" applyBorder="1" applyAlignment="1">
      <alignment wrapText="1"/>
    </xf>
    <xf numFmtId="20" fontId="0" fillId="0" borderId="0" xfId="0" applyNumberFormat="1"/>
    <xf numFmtId="0" fontId="2" fillId="0" borderId="0" xfId="0" applyFont="1" applyAlignment="1">
      <alignment horizontal="right" wrapText="1"/>
    </xf>
    <xf numFmtId="0" fontId="4" fillId="0" borderId="0" xfId="1" applyFont="1" applyFill="1" applyBorder="1" applyAlignment="1">
      <alignment horizontal="right" wrapText="1"/>
    </xf>
    <xf numFmtId="20" fontId="2" fillId="0" borderId="0" xfId="0" applyNumberFormat="1" applyFont="1"/>
    <xf numFmtId="20" fontId="2" fillId="0" borderId="0" xfId="0" applyNumberFormat="1" applyFont="1" applyAlignment="1">
      <alignment horizontal="right"/>
    </xf>
    <xf numFmtId="0" fontId="0" fillId="0" borderId="0" xfId="0" applyBorder="1"/>
    <xf numFmtId="0" fontId="5" fillId="0" borderId="0" xfId="0" applyFont="1"/>
    <xf numFmtId="20" fontId="5" fillId="0" borderId="0" xfId="0" applyNumberFormat="1" applyFont="1"/>
    <xf numFmtId="20" fontId="6" fillId="0" borderId="0" xfId="0" applyNumberFormat="1" applyFont="1"/>
    <xf numFmtId="0" fontId="3" fillId="0" borderId="2" xfId="1" applyFont="1" applyFill="1" applyBorder="1" applyAlignment="1">
      <alignment wrapText="1"/>
    </xf>
    <xf numFmtId="0" fontId="0" fillId="0" borderId="1" xfId="0" applyBorder="1"/>
    <xf numFmtId="0" fontId="4" fillId="0" borderId="0" xfId="1" applyFont="1" applyFill="1" applyBorder="1" applyAlignment="1">
      <alignment wrapText="1"/>
    </xf>
    <xf numFmtId="0" fontId="3" fillId="0" borderId="1" xfId="2" applyFont="1" applyFill="1" applyBorder="1" applyAlignment="1">
      <alignment wrapText="1"/>
    </xf>
  </cellXfs>
  <cellStyles count="3">
    <cellStyle name="Normal" xfId="0" builtinId="0"/>
    <cellStyle name="Normal_Sheet1" xfId="1" xr:uid="{00000000-0005-0000-0000-000001000000}"/>
    <cellStyle name="Normal_Sheet2" xfId="2" xr:uid="{00000000-0005-0000-0000-000002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583"/>
  <sheetViews>
    <sheetView tabSelected="1" workbookViewId="0">
      <selection activeCell="E248" sqref="E248"/>
    </sheetView>
  </sheetViews>
  <sheetFormatPr defaultRowHeight="12.75" x14ac:dyDescent="0.2"/>
  <cols>
    <col min="1" max="1" width="30.7109375" customWidth="1"/>
    <col min="2" max="2" width="28.42578125" customWidth="1"/>
    <col min="3" max="3" width="30" customWidth="1"/>
  </cols>
  <sheetData>
    <row r="1" spans="1:4" x14ac:dyDescent="0.2">
      <c r="A1" s="1" t="s">
        <v>0</v>
      </c>
      <c r="B1" s="1"/>
      <c r="C1" s="1"/>
      <c r="D1" s="2" t="s">
        <v>1</v>
      </c>
    </row>
    <row r="2" spans="1:4" x14ac:dyDescent="0.2">
      <c r="A2" s="3" t="s">
        <v>2</v>
      </c>
      <c r="B2" s="3" t="s">
        <v>3</v>
      </c>
      <c r="C2" s="3" t="s">
        <v>4</v>
      </c>
      <c r="D2">
        <v>1</v>
      </c>
    </row>
    <row r="3" spans="1:4" x14ac:dyDescent="0.2">
      <c r="A3" s="3" t="s">
        <v>5</v>
      </c>
      <c r="B3" s="3" t="s">
        <v>6</v>
      </c>
      <c r="C3" s="3" t="s">
        <v>7</v>
      </c>
      <c r="D3">
        <v>2</v>
      </c>
    </row>
    <row r="4" spans="1:4" x14ac:dyDescent="0.2">
      <c r="A4" s="4" t="s">
        <v>8</v>
      </c>
      <c r="B4" s="4" t="s">
        <v>9</v>
      </c>
      <c r="C4" s="4" t="s">
        <v>10</v>
      </c>
      <c r="D4">
        <v>3</v>
      </c>
    </row>
    <row r="5" spans="1:4" x14ac:dyDescent="0.2">
      <c r="A5" s="4" t="s">
        <v>11</v>
      </c>
      <c r="B5" s="4" t="s">
        <v>12</v>
      </c>
      <c r="C5" s="4" t="s">
        <v>13</v>
      </c>
      <c r="D5">
        <v>4</v>
      </c>
    </row>
    <row r="6" spans="1:4" x14ac:dyDescent="0.2">
      <c r="A6" s="4" t="s">
        <v>14</v>
      </c>
      <c r="B6" s="4" t="s">
        <v>15</v>
      </c>
      <c r="C6" s="4" t="s">
        <v>16</v>
      </c>
      <c r="D6">
        <v>5</v>
      </c>
    </row>
    <row r="7" spans="1:4" x14ac:dyDescent="0.2">
      <c r="A7" s="4" t="s">
        <v>17</v>
      </c>
      <c r="B7" s="4" t="s">
        <v>18</v>
      </c>
      <c r="C7" s="4" t="s">
        <v>19</v>
      </c>
      <c r="D7">
        <v>6</v>
      </c>
    </row>
    <row r="8" spans="1:4" x14ac:dyDescent="0.2">
      <c r="A8" s="4" t="s">
        <v>14</v>
      </c>
      <c r="B8" s="4" t="s">
        <v>12</v>
      </c>
      <c r="C8" s="4" t="s">
        <v>20</v>
      </c>
      <c r="D8">
        <v>7</v>
      </c>
    </row>
    <row r="9" spans="1:4" x14ac:dyDescent="0.2">
      <c r="A9" s="4" t="s">
        <v>21</v>
      </c>
      <c r="B9" s="4" t="s">
        <v>22</v>
      </c>
      <c r="C9" s="4" t="s">
        <v>23</v>
      </c>
      <c r="D9">
        <v>8</v>
      </c>
    </row>
    <row r="10" spans="1:4" x14ac:dyDescent="0.2">
      <c r="A10" s="4" t="s">
        <v>24</v>
      </c>
      <c r="B10" s="4" t="s">
        <v>25</v>
      </c>
      <c r="C10" s="4" t="s">
        <v>26</v>
      </c>
      <c r="D10">
        <v>9</v>
      </c>
    </row>
    <row r="11" spans="1:4" x14ac:dyDescent="0.2">
      <c r="A11" s="4" t="s">
        <v>27</v>
      </c>
      <c r="B11" s="4" t="s">
        <v>28</v>
      </c>
      <c r="C11" s="4" t="s">
        <v>29</v>
      </c>
      <c r="D11">
        <v>10</v>
      </c>
    </row>
    <row r="13" spans="1:4" x14ac:dyDescent="0.2">
      <c r="A13" s="5" t="s">
        <v>30</v>
      </c>
      <c r="B13" s="5"/>
      <c r="C13" s="5"/>
      <c r="D13" s="2" t="s">
        <v>1</v>
      </c>
    </row>
    <row r="14" spans="1:4" x14ac:dyDescent="0.2">
      <c r="A14" s="4" t="s">
        <v>31</v>
      </c>
      <c r="B14" s="4" t="s">
        <v>32</v>
      </c>
      <c r="C14" s="4" t="s">
        <v>33</v>
      </c>
      <c r="D14" s="3">
        <v>1</v>
      </c>
    </row>
    <row r="15" spans="1:4" x14ac:dyDescent="0.2">
      <c r="A15" s="4" t="s">
        <v>27</v>
      </c>
      <c r="B15" s="4" t="s">
        <v>34</v>
      </c>
      <c r="C15" s="4" t="s">
        <v>35</v>
      </c>
      <c r="D15" s="3">
        <v>2</v>
      </c>
    </row>
    <row r="16" spans="1:4" x14ac:dyDescent="0.2">
      <c r="A16" s="4" t="s">
        <v>36</v>
      </c>
      <c r="B16" s="4" t="s">
        <v>37</v>
      </c>
      <c r="C16" s="4" t="s">
        <v>38</v>
      </c>
      <c r="D16" s="3">
        <v>3</v>
      </c>
    </row>
    <row r="17" spans="1:4" x14ac:dyDescent="0.2">
      <c r="A17" s="4" t="s">
        <v>39</v>
      </c>
      <c r="B17" s="4" t="s">
        <v>40</v>
      </c>
      <c r="C17" s="4" t="s">
        <v>41</v>
      </c>
      <c r="D17" s="3">
        <v>4</v>
      </c>
    </row>
    <row r="18" spans="1:4" x14ac:dyDescent="0.2">
      <c r="A18" s="4" t="s">
        <v>42</v>
      </c>
      <c r="B18" s="4" t="s">
        <v>43</v>
      </c>
      <c r="C18" s="4" t="s">
        <v>44</v>
      </c>
      <c r="D18" s="3">
        <v>5</v>
      </c>
    </row>
    <row r="19" spans="1:4" x14ac:dyDescent="0.2">
      <c r="A19" s="4" t="s">
        <v>11</v>
      </c>
      <c r="B19" s="4" t="s">
        <v>45</v>
      </c>
      <c r="C19" s="4" t="s">
        <v>46</v>
      </c>
      <c r="D19" s="3">
        <v>6</v>
      </c>
    </row>
    <row r="20" spans="1:4" x14ac:dyDescent="0.2">
      <c r="A20" s="4" t="s">
        <v>47</v>
      </c>
      <c r="B20" s="4" t="s">
        <v>48</v>
      </c>
      <c r="C20" s="4" t="s">
        <v>49</v>
      </c>
      <c r="D20" s="3">
        <v>7</v>
      </c>
    </row>
    <row r="21" spans="1:4" x14ac:dyDescent="0.2">
      <c r="A21" s="4" t="s">
        <v>50</v>
      </c>
      <c r="B21" s="4" t="s">
        <v>51</v>
      </c>
      <c r="C21" s="4" t="s">
        <v>52</v>
      </c>
      <c r="D21" s="3">
        <v>8</v>
      </c>
    </row>
    <row r="22" spans="1:4" x14ac:dyDescent="0.2">
      <c r="A22" s="4" t="s">
        <v>53</v>
      </c>
      <c r="B22" s="4" t="s">
        <v>54</v>
      </c>
      <c r="C22" s="4" t="s">
        <v>55</v>
      </c>
      <c r="D22" s="3">
        <v>9</v>
      </c>
    </row>
    <row r="23" spans="1:4" x14ac:dyDescent="0.2">
      <c r="A23" s="4" t="s">
        <v>56</v>
      </c>
      <c r="B23" s="4" t="s">
        <v>57</v>
      </c>
      <c r="C23" s="4" t="s">
        <v>58</v>
      </c>
      <c r="D23" s="3">
        <v>10</v>
      </c>
    </row>
    <row r="25" spans="1:4" x14ac:dyDescent="0.2">
      <c r="A25" s="5" t="s">
        <v>59</v>
      </c>
      <c r="B25" s="5"/>
      <c r="C25" s="2" t="s">
        <v>1</v>
      </c>
    </row>
    <row r="26" spans="1:4" x14ac:dyDescent="0.2">
      <c r="A26" s="3" t="s">
        <v>60</v>
      </c>
      <c r="B26" s="3" t="s">
        <v>61</v>
      </c>
      <c r="C26" s="3">
        <v>1</v>
      </c>
    </row>
    <row r="27" spans="1:4" x14ac:dyDescent="0.2">
      <c r="A27" s="3" t="s">
        <v>62</v>
      </c>
      <c r="B27" s="3" t="s">
        <v>63</v>
      </c>
      <c r="C27" s="3">
        <v>2</v>
      </c>
    </row>
    <row r="28" spans="1:4" x14ac:dyDescent="0.2">
      <c r="A28" s="3" t="s">
        <v>64</v>
      </c>
      <c r="B28" s="3" t="s">
        <v>65</v>
      </c>
      <c r="C28" s="3">
        <v>3</v>
      </c>
    </row>
    <row r="29" spans="1:4" x14ac:dyDescent="0.2">
      <c r="A29" s="4" t="s">
        <v>66</v>
      </c>
      <c r="B29" s="4" t="s">
        <v>67</v>
      </c>
      <c r="C29" s="3">
        <v>4</v>
      </c>
    </row>
    <row r="30" spans="1:4" x14ac:dyDescent="0.2">
      <c r="A30" s="4" t="s">
        <v>68</v>
      </c>
      <c r="B30" s="4" t="s">
        <v>69</v>
      </c>
      <c r="C30" s="3">
        <v>5</v>
      </c>
    </row>
    <row r="31" spans="1:4" x14ac:dyDescent="0.2">
      <c r="A31" s="4" t="s">
        <v>70</v>
      </c>
      <c r="B31" s="4" t="s">
        <v>71</v>
      </c>
      <c r="C31" s="3">
        <v>6</v>
      </c>
    </row>
    <row r="32" spans="1:4" x14ac:dyDescent="0.2">
      <c r="A32" s="4" t="s">
        <v>27</v>
      </c>
      <c r="B32" s="4" t="s">
        <v>72</v>
      </c>
      <c r="C32" s="3">
        <v>7</v>
      </c>
    </row>
    <row r="33" spans="1:4" x14ac:dyDescent="0.2">
      <c r="A33" s="6" t="s">
        <v>73</v>
      </c>
      <c r="B33" s="6" t="s">
        <v>74</v>
      </c>
      <c r="C33" s="7">
        <v>8</v>
      </c>
    </row>
    <row r="34" spans="1:4" x14ac:dyDescent="0.2">
      <c r="A34" s="4" t="s">
        <v>75</v>
      </c>
      <c r="B34" s="4" t="s">
        <v>76</v>
      </c>
      <c r="C34" s="3">
        <v>9</v>
      </c>
    </row>
    <row r="36" spans="1:4" x14ac:dyDescent="0.2">
      <c r="A36" s="5" t="s">
        <v>77</v>
      </c>
      <c r="B36" s="5"/>
      <c r="C36" s="5"/>
      <c r="D36" s="2" t="s">
        <v>1</v>
      </c>
    </row>
    <row r="37" spans="1:4" x14ac:dyDescent="0.2">
      <c r="A37" s="4" t="s">
        <v>78</v>
      </c>
      <c r="B37" s="4" t="s">
        <v>79</v>
      </c>
      <c r="C37" s="4" t="s">
        <v>80</v>
      </c>
      <c r="D37">
        <v>1</v>
      </c>
    </row>
    <row r="38" spans="1:4" x14ac:dyDescent="0.2">
      <c r="A38" s="4" t="s">
        <v>81</v>
      </c>
      <c r="B38" s="4" t="s">
        <v>82</v>
      </c>
      <c r="C38" s="4" t="s">
        <v>83</v>
      </c>
      <c r="D38">
        <v>2</v>
      </c>
    </row>
    <row r="39" spans="1:4" x14ac:dyDescent="0.2">
      <c r="A39" s="4" t="s">
        <v>84</v>
      </c>
      <c r="B39" s="4" t="s">
        <v>85</v>
      </c>
      <c r="C39" s="4" t="s">
        <v>86</v>
      </c>
      <c r="D39">
        <v>3</v>
      </c>
    </row>
    <row r="40" spans="1:4" x14ac:dyDescent="0.2">
      <c r="A40" s="4" t="s">
        <v>87</v>
      </c>
      <c r="B40" s="4" t="s">
        <v>88</v>
      </c>
      <c r="C40" s="4" t="s">
        <v>89</v>
      </c>
      <c r="D40">
        <v>4</v>
      </c>
    </row>
    <row r="41" spans="1:4" x14ac:dyDescent="0.2">
      <c r="A41" s="4" t="s">
        <v>8</v>
      </c>
      <c r="B41" s="4" t="s">
        <v>90</v>
      </c>
      <c r="C41" s="4" t="s">
        <v>91</v>
      </c>
      <c r="D41">
        <v>5</v>
      </c>
    </row>
    <row r="42" spans="1:4" x14ac:dyDescent="0.2">
      <c r="A42" s="4" t="s">
        <v>27</v>
      </c>
      <c r="B42" s="4" t="s">
        <v>92</v>
      </c>
      <c r="C42" s="4" t="s">
        <v>93</v>
      </c>
      <c r="D42">
        <v>6</v>
      </c>
    </row>
    <row r="43" spans="1:4" x14ac:dyDescent="0.2">
      <c r="A43" s="4" t="s">
        <v>94</v>
      </c>
      <c r="B43" s="4" t="s">
        <v>95</v>
      </c>
      <c r="C43" s="4" t="s">
        <v>96</v>
      </c>
      <c r="D43">
        <v>7</v>
      </c>
    </row>
    <row r="44" spans="1:4" x14ac:dyDescent="0.2">
      <c r="A44" s="4" t="s">
        <v>39</v>
      </c>
      <c r="B44" s="4" t="s">
        <v>97</v>
      </c>
      <c r="C44" s="4" t="s">
        <v>98</v>
      </c>
      <c r="D44">
        <v>8</v>
      </c>
    </row>
    <row r="45" spans="1:4" x14ac:dyDescent="0.2">
      <c r="A45" s="4" t="s">
        <v>73</v>
      </c>
      <c r="B45" s="4" t="s">
        <v>99</v>
      </c>
      <c r="C45" s="6" t="s">
        <v>100</v>
      </c>
      <c r="D45">
        <v>9</v>
      </c>
    </row>
    <row r="46" spans="1:4" x14ac:dyDescent="0.2">
      <c r="A46" s="4" t="s">
        <v>87</v>
      </c>
      <c r="B46" s="4" t="s">
        <v>101</v>
      </c>
      <c r="C46" s="4" t="s">
        <v>102</v>
      </c>
      <c r="D46">
        <v>10</v>
      </c>
    </row>
    <row r="48" spans="1:4" x14ac:dyDescent="0.2">
      <c r="A48" s="5" t="s">
        <v>103</v>
      </c>
      <c r="B48" s="5"/>
      <c r="C48" s="5"/>
      <c r="D48" s="2" t="s">
        <v>1</v>
      </c>
    </row>
    <row r="49" spans="1:4" x14ac:dyDescent="0.2">
      <c r="A49" s="4" t="s">
        <v>104</v>
      </c>
      <c r="B49" s="4" t="s">
        <v>105</v>
      </c>
      <c r="C49" s="4" t="s">
        <v>106</v>
      </c>
      <c r="D49">
        <v>1</v>
      </c>
    </row>
    <row r="50" spans="1:4" x14ac:dyDescent="0.2">
      <c r="A50" s="4" t="s">
        <v>107</v>
      </c>
      <c r="B50" s="4" t="s">
        <v>108</v>
      </c>
      <c r="C50" s="4" t="s">
        <v>109</v>
      </c>
      <c r="D50">
        <v>2</v>
      </c>
    </row>
    <row r="51" spans="1:4" x14ac:dyDescent="0.2">
      <c r="A51" s="4" t="s">
        <v>64</v>
      </c>
      <c r="B51" s="4" t="s">
        <v>110</v>
      </c>
      <c r="C51" s="4" t="s">
        <v>111</v>
      </c>
      <c r="D51">
        <v>3</v>
      </c>
    </row>
    <row r="52" spans="1:4" x14ac:dyDescent="0.2">
      <c r="A52" s="4" t="s">
        <v>112</v>
      </c>
      <c r="B52" s="4" t="s">
        <v>113</v>
      </c>
      <c r="C52" s="4" t="s">
        <v>114</v>
      </c>
      <c r="D52">
        <v>4</v>
      </c>
    </row>
    <row r="53" spans="1:4" x14ac:dyDescent="0.2">
      <c r="A53" s="4" t="s">
        <v>115</v>
      </c>
      <c r="B53" s="4" t="s">
        <v>92</v>
      </c>
      <c r="C53" s="4" t="s">
        <v>116</v>
      </c>
      <c r="D53">
        <v>5</v>
      </c>
    </row>
    <row r="54" spans="1:4" x14ac:dyDescent="0.2">
      <c r="A54" s="4" t="s">
        <v>117</v>
      </c>
      <c r="B54" s="4" t="s">
        <v>118</v>
      </c>
      <c r="C54" s="4" t="s">
        <v>119</v>
      </c>
      <c r="D54">
        <v>6</v>
      </c>
    </row>
    <row r="55" spans="1:4" x14ac:dyDescent="0.2">
      <c r="A55" s="4" t="s">
        <v>120</v>
      </c>
      <c r="B55" s="4" t="s">
        <v>121</v>
      </c>
      <c r="C55" s="4" t="s">
        <v>122</v>
      </c>
      <c r="D55">
        <v>7</v>
      </c>
    </row>
    <row r="56" spans="1:4" x14ac:dyDescent="0.2">
      <c r="A56" s="4" t="s">
        <v>94</v>
      </c>
      <c r="B56" s="4" t="s">
        <v>123</v>
      </c>
      <c r="C56" s="4" t="s">
        <v>124</v>
      </c>
      <c r="D56">
        <v>8</v>
      </c>
    </row>
    <row r="57" spans="1:4" x14ac:dyDescent="0.2">
      <c r="A57" s="4" t="s">
        <v>87</v>
      </c>
      <c r="B57" s="4" t="s">
        <v>125</v>
      </c>
      <c r="C57" s="4" t="s">
        <v>126</v>
      </c>
      <c r="D57">
        <v>9</v>
      </c>
    </row>
    <row r="58" spans="1:4" x14ac:dyDescent="0.2">
      <c r="A58" s="4" t="s">
        <v>127</v>
      </c>
      <c r="B58" s="4" t="s">
        <v>34</v>
      </c>
      <c r="C58" s="4" t="s">
        <v>128</v>
      </c>
      <c r="D58">
        <v>10</v>
      </c>
    </row>
    <row r="60" spans="1:4" x14ac:dyDescent="0.2">
      <c r="A60" s="5" t="s">
        <v>129</v>
      </c>
      <c r="B60" s="5"/>
      <c r="C60" s="5"/>
      <c r="D60" s="2" t="s">
        <v>1</v>
      </c>
    </row>
    <row r="61" spans="1:4" x14ac:dyDescent="0.2">
      <c r="A61" s="4" t="s">
        <v>127</v>
      </c>
      <c r="B61" s="4" t="s">
        <v>130</v>
      </c>
      <c r="C61" s="4" t="s">
        <v>131</v>
      </c>
      <c r="D61">
        <v>1</v>
      </c>
    </row>
    <row r="62" spans="1:4" x14ac:dyDescent="0.2">
      <c r="A62" s="4" t="s">
        <v>39</v>
      </c>
      <c r="B62" s="4" t="s">
        <v>132</v>
      </c>
      <c r="C62" s="4" t="s">
        <v>133</v>
      </c>
      <c r="D62">
        <v>2</v>
      </c>
    </row>
    <row r="63" spans="1:4" x14ac:dyDescent="0.2">
      <c r="A63" s="4" t="s">
        <v>64</v>
      </c>
      <c r="B63" s="4" t="s">
        <v>134</v>
      </c>
      <c r="C63" s="4" t="s">
        <v>135</v>
      </c>
      <c r="D63">
        <v>3</v>
      </c>
    </row>
    <row r="64" spans="1:4" x14ac:dyDescent="0.2">
      <c r="A64" s="4" t="s">
        <v>107</v>
      </c>
      <c r="B64" s="4" t="s">
        <v>136</v>
      </c>
      <c r="C64" s="4" t="s">
        <v>137</v>
      </c>
      <c r="D64">
        <v>4</v>
      </c>
    </row>
    <row r="65" spans="1:4" x14ac:dyDescent="0.2">
      <c r="A65" s="4" t="s">
        <v>138</v>
      </c>
      <c r="B65" s="4" t="s">
        <v>139</v>
      </c>
      <c r="C65" s="4" t="s">
        <v>140</v>
      </c>
      <c r="D65">
        <v>5</v>
      </c>
    </row>
    <row r="66" spans="1:4" x14ac:dyDescent="0.2">
      <c r="A66" s="4" t="s">
        <v>141</v>
      </c>
      <c r="B66" s="4" t="s">
        <v>142</v>
      </c>
      <c r="C66" s="4" t="s">
        <v>143</v>
      </c>
      <c r="D66">
        <v>6</v>
      </c>
    </row>
    <row r="67" spans="1:4" x14ac:dyDescent="0.2">
      <c r="A67" s="4" t="s">
        <v>144</v>
      </c>
      <c r="B67" s="4" t="s">
        <v>145</v>
      </c>
      <c r="C67" s="4" t="s">
        <v>146</v>
      </c>
      <c r="D67">
        <v>7</v>
      </c>
    </row>
    <row r="68" spans="1:4" x14ac:dyDescent="0.2">
      <c r="A68" s="4" t="s">
        <v>2</v>
      </c>
      <c r="B68" s="4" t="s">
        <v>147</v>
      </c>
      <c r="C68" s="4" t="s">
        <v>148</v>
      </c>
      <c r="D68">
        <v>8</v>
      </c>
    </row>
    <row r="69" spans="1:4" x14ac:dyDescent="0.2">
      <c r="A69" s="4" t="s">
        <v>149</v>
      </c>
      <c r="B69" s="4" t="s">
        <v>150</v>
      </c>
      <c r="C69" s="4" t="s">
        <v>151</v>
      </c>
      <c r="D69">
        <v>9</v>
      </c>
    </row>
    <row r="70" spans="1:4" x14ac:dyDescent="0.2">
      <c r="A70" s="4" t="s">
        <v>152</v>
      </c>
      <c r="B70" s="4" t="s">
        <v>153</v>
      </c>
      <c r="C70" s="4" t="s">
        <v>154</v>
      </c>
      <c r="D70">
        <v>10</v>
      </c>
    </row>
    <row r="72" spans="1:4" x14ac:dyDescent="0.2">
      <c r="A72" s="5" t="s">
        <v>155</v>
      </c>
      <c r="B72" s="8"/>
      <c r="C72" s="2" t="s">
        <v>1</v>
      </c>
    </row>
    <row r="73" spans="1:4" x14ac:dyDescent="0.2">
      <c r="A73" s="4" t="s">
        <v>64</v>
      </c>
      <c r="B73" s="4" t="s">
        <v>156</v>
      </c>
      <c r="C73">
        <v>1</v>
      </c>
    </row>
    <row r="74" spans="1:4" x14ac:dyDescent="0.2">
      <c r="A74" s="4" t="s">
        <v>21</v>
      </c>
      <c r="B74" s="4" t="s">
        <v>157</v>
      </c>
      <c r="C74">
        <v>2</v>
      </c>
    </row>
    <row r="75" spans="1:4" x14ac:dyDescent="0.2">
      <c r="A75" s="4" t="s">
        <v>87</v>
      </c>
      <c r="B75" s="4" t="s">
        <v>158</v>
      </c>
      <c r="C75">
        <v>3</v>
      </c>
    </row>
    <row r="76" spans="1:4" x14ac:dyDescent="0.2">
      <c r="A76" s="4" t="s">
        <v>127</v>
      </c>
      <c r="B76" s="4" t="s">
        <v>159</v>
      </c>
      <c r="C76">
        <v>4</v>
      </c>
    </row>
    <row r="77" spans="1:4" x14ac:dyDescent="0.2">
      <c r="A77" s="4" t="s">
        <v>160</v>
      </c>
      <c r="B77" s="4" t="s">
        <v>161</v>
      </c>
      <c r="C77">
        <v>5</v>
      </c>
    </row>
    <row r="78" spans="1:4" x14ac:dyDescent="0.2">
      <c r="A78" s="4" t="s">
        <v>162</v>
      </c>
      <c r="B78" s="4" t="s">
        <v>163</v>
      </c>
      <c r="C78">
        <v>6</v>
      </c>
    </row>
    <row r="79" spans="1:4" x14ac:dyDescent="0.2">
      <c r="A79" s="4" t="s">
        <v>164</v>
      </c>
      <c r="B79" s="4" t="s">
        <v>165</v>
      </c>
      <c r="C79">
        <v>7</v>
      </c>
    </row>
    <row r="80" spans="1:4" x14ac:dyDescent="0.2">
      <c r="A80" s="4" t="s">
        <v>166</v>
      </c>
      <c r="B80" s="4" t="s">
        <v>167</v>
      </c>
      <c r="C80">
        <v>8</v>
      </c>
    </row>
    <row r="81" spans="1:4" x14ac:dyDescent="0.2">
      <c r="A81" s="4" t="s">
        <v>168</v>
      </c>
      <c r="B81" s="4" t="s">
        <v>169</v>
      </c>
      <c r="C81">
        <v>9</v>
      </c>
    </row>
    <row r="82" spans="1:4" x14ac:dyDescent="0.2">
      <c r="A82" s="4" t="s">
        <v>170</v>
      </c>
      <c r="B82" s="4" t="s">
        <v>171</v>
      </c>
      <c r="C82">
        <v>10</v>
      </c>
    </row>
    <row r="84" spans="1:4" x14ac:dyDescent="0.2">
      <c r="A84" s="5" t="s">
        <v>172</v>
      </c>
      <c r="C84" s="2" t="s">
        <v>1</v>
      </c>
    </row>
    <row r="85" spans="1:4" x14ac:dyDescent="0.2">
      <c r="A85" s="4" t="s">
        <v>62</v>
      </c>
      <c r="B85" s="4" t="s">
        <v>173</v>
      </c>
      <c r="C85">
        <v>1</v>
      </c>
    </row>
    <row r="86" spans="1:4" x14ac:dyDescent="0.2">
      <c r="A86" s="4" t="s">
        <v>64</v>
      </c>
      <c r="B86" s="4" t="s">
        <v>174</v>
      </c>
      <c r="C86">
        <v>2</v>
      </c>
    </row>
    <row r="87" spans="1:4" x14ac:dyDescent="0.2">
      <c r="A87" s="4" t="s">
        <v>75</v>
      </c>
      <c r="B87" s="4" t="s">
        <v>175</v>
      </c>
      <c r="C87">
        <v>3</v>
      </c>
    </row>
    <row r="88" spans="1:4" x14ac:dyDescent="0.2">
      <c r="A88" s="4" t="s">
        <v>127</v>
      </c>
      <c r="B88" s="4" t="s">
        <v>176</v>
      </c>
      <c r="C88">
        <v>4</v>
      </c>
    </row>
    <row r="89" spans="1:4" x14ac:dyDescent="0.2">
      <c r="A89" s="4" t="s">
        <v>60</v>
      </c>
      <c r="B89" s="4" t="s">
        <v>177</v>
      </c>
      <c r="C89">
        <v>5</v>
      </c>
    </row>
    <row r="90" spans="1:4" x14ac:dyDescent="0.2">
      <c r="A90" s="4" t="s">
        <v>178</v>
      </c>
      <c r="B90" s="4" t="s">
        <v>179</v>
      </c>
      <c r="C90">
        <v>6</v>
      </c>
    </row>
    <row r="91" spans="1:4" x14ac:dyDescent="0.2">
      <c r="A91" s="4" t="s">
        <v>68</v>
      </c>
      <c r="B91" s="4" t="s">
        <v>180</v>
      </c>
      <c r="C91">
        <v>7</v>
      </c>
    </row>
    <row r="92" spans="1:4" x14ac:dyDescent="0.2">
      <c r="A92" s="4" t="s">
        <v>181</v>
      </c>
      <c r="B92" s="4" t="s">
        <v>182</v>
      </c>
      <c r="C92">
        <v>8</v>
      </c>
    </row>
    <row r="93" spans="1:4" x14ac:dyDescent="0.2">
      <c r="A93" s="4" t="s">
        <v>181</v>
      </c>
      <c r="B93" s="4" t="s">
        <v>183</v>
      </c>
      <c r="C93">
        <v>9</v>
      </c>
    </row>
    <row r="95" spans="1:4" x14ac:dyDescent="0.2">
      <c r="A95" s="5" t="s">
        <v>184</v>
      </c>
      <c r="B95" s="5"/>
      <c r="C95" s="5"/>
      <c r="D95" s="2" t="s">
        <v>1</v>
      </c>
    </row>
    <row r="96" spans="1:4" x14ac:dyDescent="0.2">
      <c r="A96" s="4" t="s">
        <v>75</v>
      </c>
      <c r="B96" s="4" t="s">
        <v>185</v>
      </c>
      <c r="C96" s="4" t="s">
        <v>186</v>
      </c>
      <c r="D96">
        <v>1</v>
      </c>
    </row>
    <row r="97" spans="1:4" x14ac:dyDescent="0.2">
      <c r="A97" s="4" t="s">
        <v>187</v>
      </c>
      <c r="B97" s="4" t="s">
        <v>188</v>
      </c>
      <c r="C97" s="4" t="s">
        <v>189</v>
      </c>
      <c r="D97">
        <v>2</v>
      </c>
    </row>
    <row r="98" spans="1:4" x14ac:dyDescent="0.2">
      <c r="A98" s="4" t="s">
        <v>190</v>
      </c>
      <c r="B98" s="4" t="s">
        <v>191</v>
      </c>
      <c r="C98" s="4" t="s">
        <v>192</v>
      </c>
      <c r="D98">
        <v>3</v>
      </c>
    </row>
    <row r="99" spans="1:4" x14ac:dyDescent="0.2">
      <c r="A99" s="4" t="s">
        <v>193</v>
      </c>
      <c r="B99" s="4" t="s">
        <v>194</v>
      </c>
      <c r="C99" s="4" t="s">
        <v>195</v>
      </c>
      <c r="D99">
        <v>4</v>
      </c>
    </row>
    <row r="100" spans="1:4" x14ac:dyDescent="0.2">
      <c r="A100" s="4" t="s">
        <v>196</v>
      </c>
      <c r="B100" s="4" t="s">
        <v>197</v>
      </c>
      <c r="C100" s="4" t="s">
        <v>198</v>
      </c>
      <c r="D100">
        <v>5</v>
      </c>
    </row>
    <row r="101" spans="1:4" x14ac:dyDescent="0.2">
      <c r="A101" s="4" t="s">
        <v>199</v>
      </c>
      <c r="B101" s="4" t="s">
        <v>200</v>
      </c>
      <c r="C101" s="4" t="s">
        <v>201</v>
      </c>
      <c r="D101">
        <v>6</v>
      </c>
    </row>
    <row r="102" spans="1:4" x14ac:dyDescent="0.2">
      <c r="A102" s="4" t="s">
        <v>202</v>
      </c>
      <c r="B102" s="4" t="s">
        <v>203</v>
      </c>
      <c r="C102" s="4" t="s">
        <v>204</v>
      </c>
      <c r="D102">
        <v>7</v>
      </c>
    </row>
    <row r="103" spans="1:4" x14ac:dyDescent="0.2">
      <c r="A103" s="4" t="s">
        <v>2</v>
      </c>
      <c r="B103" s="4" t="s">
        <v>205</v>
      </c>
      <c r="C103" s="4" t="s">
        <v>83</v>
      </c>
      <c r="D103">
        <v>8</v>
      </c>
    </row>
    <row r="104" spans="1:4" x14ac:dyDescent="0.2">
      <c r="A104" s="4" t="s">
        <v>27</v>
      </c>
      <c r="B104" s="4" t="s">
        <v>206</v>
      </c>
      <c r="C104" s="4" t="s">
        <v>207</v>
      </c>
      <c r="D104">
        <v>9</v>
      </c>
    </row>
    <row r="105" spans="1:4" x14ac:dyDescent="0.2">
      <c r="A105" s="4" t="s">
        <v>50</v>
      </c>
      <c r="B105" s="4" t="s">
        <v>208</v>
      </c>
      <c r="C105" s="4" t="s">
        <v>209</v>
      </c>
      <c r="D105">
        <v>10</v>
      </c>
    </row>
    <row r="107" spans="1:4" x14ac:dyDescent="0.2">
      <c r="A107" s="5" t="s">
        <v>210</v>
      </c>
      <c r="B107" s="5"/>
      <c r="C107" s="5"/>
      <c r="D107" s="2" t="s">
        <v>1</v>
      </c>
    </row>
    <row r="108" spans="1:4" x14ac:dyDescent="0.2">
      <c r="A108" s="4" t="s">
        <v>2</v>
      </c>
      <c r="B108" s="4" t="s">
        <v>211</v>
      </c>
      <c r="C108" s="4" t="s">
        <v>212</v>
      </c>
      <c r="D108">
        <v>1</v>
      </c>
    </row>
    <row r="109" spans="1:4" x14ac:dyDescent="0.2">
      <c r="A109" s="4" t="s">
        <v>107</v>
      </c>
      <c r="B109" s="4" t="s">
        <v>213</v>
      </c>
      <c r="C109" s="4" t="s">
        <v>214</v>
      </c>
      <c r="D109">
        <v>2</v>
      </c>
    </row>
    <row r="110" spans="1:4" x14ac:dyDescent="0.2">
      <c r="A110" s="4" t="s">
        <v>215</v>
      </c>
      <c r="B110" s="4" t="s">
        <v>216</v>
      </c>
      <c r="C110" s="4" t="s">
        <v>217</v>
      </c>
      <c r="D110">
        <v>3</v>
      </c>
    </row>
    <row r="111" spans="1:4" x14ac:dyDescent="0.2">
      <c r="A111" s="4" t="s">
        <v>17</v>
      </c>
      <c r="B111" s="4" t="s">
        <v>218</v>
      </c>
      <c r="C111" s="4" t="s">
        <v>219</v>
      </c>
      <c r="D111">
        <v>4</v>
      </c>
    </row>
    <row r="112" spans="1:4" x14ac:dyDescent="0.2">
      <c r="A112" s="4" t="s">
        <v>27</v>
      </c>
      <c r="B112" s="4" t="s">
        <v>220</v>
      </c>
      <c r="C112" s="4" t="s">
        <v>221</v>
      </c>
      <c r="D112">
        <v>5</v>
      </c>
    </row>
    <row r="113" spans="1:4" x14ac:dyDescent="0.2">
      <c r="A113" s="4" t="s">
        <v>222</v>
      </c>
      <c r="B113" s="4" t="s">
        <v>223</v>
      </c>
      <c r="C113" s="4" t="s">
        <v>224</v>
      </c>
      <c r="D113">
        <v>6</v>
      </c>
    </row>
    <row r="114" spans="1:4" x14ac:dyDescent="0.2">
      <c r="A114" s="4" t="s">
        <v>87</v>
      </c>
      <c r="B114" s="4" t="s">
        <v>32</v>
      </c>
      <c r="C114" s="4" t="s">
        <v>225</v>
      </c>
      <c r="D114">
        <v>7</v>
      </c>
    </row>
    <row r="115" spans="1:4" x14ac:dyDescent="0.2">
      <c r="A115" s="4" t="s">
        <v>39</v>
      </c>
      <c r="B115" s="4" t="s">
        <v>226</v>
      </c>
      <c r="C115" s="4" t="s">
        <v>41</v>
      </c>
      <c r="D115">
        <v>8</v>
      </c>
    </row>
    <row r="116" spans="1:4" x14ac:dyDescent="0.2">
      <c r="A116" s="4" t="s">
        <v>227</v>
      </c>
      <c r="B116" s="4" t="s">
        <v>228</v>
      </c>
      <c r="C116" s="4" t="s">
        <v>229</v>
      </c>
      <c r="D116">
        <v>9</v>
      </c>
    </row>
    <row r="117" spans="1:4" x14ac:dyDescent="0.2">
      <c r="A117" s="4" t="s">
        <v>14</v>
      </c>
      <c r="B117" s="4" t="s">
        <v>12</v>
      </c>
      <c r="C117" s="4" t="s">
        <v>230</v>
      </c>
      <c r="D117">
        <v>10</v>
      </c>
    </row>
    <row r="119" spans="1:4" x14ac:dyDescent="0.2">
      <c r="A119" s="5" t="s">
        <v>231</v>
      </c>
      <c r="B119" s="5"/>
      <c r="C119" s="9" t="s">
        <v>1</v>
      </c>
    </row>
    <row r="120" spans="1:4" x14ac:dyDescent="0.2">
      <c r="A120" s="4" t="s">
        <v>2</v>
      </c>
      <c r="B120" s="4" t="s">
        <v>232</v>
      </c>
      <c r="C120">
        <v>1</v>
      </c>
    </row>
    <row r="121" spans="1:4" x14ac:dyDescent="0.2">
      <c r="A121" s="4" t="s">
        <v>68</v>
      </c>
      <c r="B121" s="4" t="s">
        <v>233</v>
      </c>
      <c r="C121">
        <v>2</v>
      </c>
    </row>
    <row r="122" spans="1:4" x14ac:dyDescent="0.2">
      <c r="A122" s="4" t="s">
        <v>62</v>
      </c>
      <c r="B122" s="4" t="s">
        <v>234</v>
      </c>
      <c r="C122">
        <v>3</v>
      </c>
    </row>
    <row r="123" spans="1:4" x14ac:dyDescent="0.2">
      <c r="A123" s="4" t="s">
        <v>64</v>
      </c>
      <c r="B123" s="4" t="s">
        <v>235</v>
      </c>
      <c r="C123">
        <v>4</v>
      </c>
    </row>
    <row r="124" spans="1:4" x14ac:dyDescent="0.2">
      <c r="A124" s="4" t="s">
        <v>60</v>
      </c>
      <c r="B124" s="4" t="s">
        <v>236</v>
      </c>
      <c r="C124">
        <v>5</v>
      </c>
    </row>
    <row r="125" spans="1:4" x14ac:dyDescent="0.2">
      <c r="A125" s="4" t="s">
        <v>237</v>
      </c>
      <c r="B125" s="4" t="s">
        <v>238</v>
      </c>
      <c r="C125">
        <v>6</v>
      </c>
    </row>
    <row r="126" spans="1:4" x14ac:dyDescent="0.2">
      <c r="A126" s="4" t="s">
        <v>60</v>
      </c>
      <c r="B126" s="4" t="s">
        <v>239</v>
      </c>
      <c r="C126">
        <v>7</v>
      </c>
    </row>
    <row r="127" spans="1:4" x14ac:dyDescent="0.2">
      <c r="A127" s="4" t="s">
        <v>127</v>
      </c>
      <c r="B127" s="4" t="s">
        <v>240</v>
      </c>
      <c r="C127">
        <v>8</v>
      </c>
    </row>
    <row r="128" spans="1:4" x14ac:dyDescent="0.2">
      <c r="A128" s="4" t="s">
        <v>241</v>
      </c>
      <c r="B128" s="4" t="s">
        <v>242</v>
      </c>
      <c r="C128">
        <v>9</v>
      </c>
    </row>
    <row r="129" spans="1:4" x14ac:dyDescent="0.2">
      <c r="A129" s="4" t="s">
        <v>78</v>
      </c>
      <c r="B129" s="4" t="s">
        <v>243</v>
      </c>
      <c r="C129">
        <v>10</v>
      </c>
    </row>
    <row r="131" spans="1:4" x14ac:dyDescent="0.2">
      <c r="A131" s="5" t="s">
        <v>244</v>
      </c>
      <c r="B131" s="5"/>
      <c r="C131" s="5"/>
      <c r="D131" s="2" t="s">
        <v>1</v>
      </c>
    </row>
    <row r="132" spans="1:4" x14ac:dyDescent="0.2">
      <c r="A132" s="4" t="s">
        <v>178</v>
      </c>
      <c r="B132" s="4" t="s">
        <v>245</v>
      </c>
      <c r="C132" s="4" t="s">
        <v>246</v>
      </c>
      <c r="D132">
        <v>1</v>
      </c>
    </row>
    <row r="133" spans="1:4" x14ac:dyDescent="0.2">
      <c r="A133" s="4" t="s">
        <v>115</v>
      </c>
      <c r="B133" s="4" t="s">
        <v>247</v>
      </c>
      <c r="C133" s="4" t="s">
        <v>248</v>
      </c>
      <c r="D133">
        <v>2</v>
      </c>
    </row>
    <row r="134" spans="1:4" x14ac:dyDescent="0.2">
      <c r="A134" s="4" t="s">
        <v>39</v>
      </c>
      <c r="B134" s="4" t="s">
        <v>249</v>
      </c>
      <c r="C134" s="4" t="s">
        <v>250</v>
      </c>
      <c r="D134">
        <v>3</v>
      </c>
    </row>
    <row r="135" spans="1:4" x14ac:dyDescent="0.2">
      <c r="A135" s="4" t="s">
        <v>84</v>
      </c>
      <c r="B135" s="4" t="s">
        <v>251</v>
      </c>
      <c r="C135" s="4" t="s">
        <v>252</v>
      </c>
      <c r="D135">
        <v>4</v>
      </c>
    </row>
    <row r="136" spans="1:4" x14ac:dyDescent="0.2">
      <c r="A136" s="4" t="s">
        <v>87</v>
      </c>
      <c r="B136" s="4" t="s">
        <v>253</v>
      </c>
      <c r="C136" s="4" t="s">
        <v>254</v>
      </c>
      <c r="D136">
        <v>5</v>
      </c>
    </row>
    <row r="137" spans="1:4" x14ac:dyDescent="0.2">
      <c r="A137" s="4" t="s">
        <v>94</v>
      </c>
      <c r="B137" s="4" t="s">
        <v>255</v>
      </c>
      <c r="C137" s="4" t="s">
        <v>256</v>
      </c>
      <c r="D137">
        <v>6</v>
      </c>
    </row>
    <row r="138" spans="1:4" x14ac:dyDescent="0.2">
      <c r="A138" s="4" t="s">
        <v>87</v>
      </c>
      <c r="B138" s="4" t="s">
        <v>48</v>
      </c>
      <c r="C138" s="4" t="s">
        <v>257</v>
      </c>
      <c r="D138">
        <v>7</v>
      </c>
    </row>
    <row r="139" spans="1:4" x14ac:dyDescent="0.2">
      <c r="A139" s="4" t="s">
        <v>222</v>
      </c>
      <c r="B139" s="4" t="s">
        <v>258</v>
      </c>
      <c r="C139" s="4" t="s">
        <v>259</v>
      </c>
      <c r="D139">
        <v>8</v>
      </c>
    </row>
    <row r="140" spans="1:4" x14ac:dyDescent="0.2">
      <c r="A140" s="4" t="s">
        <v>94</v>
      </c>
      <c r="B140" s="4" t="s">
        <v>260</v>
      </c>
      <c r="C140" s="4" t="s">
        <v>261</v>
      </c>
      <c r="D140">
        <v>9</v>
      </c>
    </row>
    <row r="141" spans="1:4" x14ac:dyDescent="0.2">
      <c r="A141" s="4" t="s">
        <v>84</v>
      </c>
      <c r="B141" s="4" t="s">
        <v>262</v>
      </c>
      <c r="C141" s="4" t="s">
        <v>263</v>
      </c>
      <c r="D141">
        <v>10</v>
      </c>
    </row>
    <row r="143" spans="1:4" x14ac:dyDescent="0.2">
      <c r="A143" s="5" t="s">
        <v>264</v>
      </c>
      <c r="B143" s="5"/>
      <c r="C143" s="5"/>
      <c r="D143" s="2" t="s">
        <v>1</v>
      </c>
    </row>
    <row r="144" spans="1:4" x14ac:dyDescent="0.2">
      <c r="A144" s="4" t="s">
        <v>265</v>
      </c>
      <c r="B144" s="4" t="s">
        <v>266</v>
      </c>
      <c r="C144" s="4" t="s">
        <v>267</v>
      </c>
      <c r="D144" s="3">
        <v>1</v>
      </c>
    </row>
    <row r="145" spans="1:4" x14ac:dyDescent="0.2">
      <c r="A145" s="4" t="s">
        <v>64</v>
      </c>
      <c r="B145" s="4" t="s">
        <v>268</v>
      </c>
      <c r="C145" s="4" t="s">
        <v>269</v>
      </c>
      <c r="D145" s="3">
        <v>2</v>
      </c>
    </row>
    <row r="146" spans="1:4" x14ac:dyDescent="0.2">
      <c r="A146" s="4" t="s">
        <v>270</v>
      </c>
      <c r="B146" s="4" t="s">
        <v>271</v>
      </c>
      <c r="C146" s="4" t="s">
        <v>272</v>
      </c>
      <c r="D146" s="3">
        <v>3</v>
      </c>
    </row>
    <row r="147" spans="1:4" x14ac:dyDescent="0.2">
      <c r="A147" s="4" t="s">
        <v>273</v>
      </c>
      <c r="B147" s="4" t="s">
        <v>274</v>
      </c>
      <c r="C147" s="4" t="s">
        <v>275</v>
      </c>
      <c r="D147" s="3">
        <v>4</v>
      </c>
    </row>
    <row r="148" spans="1:4" x14ac:dyDescent="0.2">
      <c r="A148" s="4" t="s">
        <v>64</v>
      </c>
      <c r="B148" s="4" t="s">
        <v>276</v>
      </c>
      <c r="C148" s="4" t="s">
        <v>277</v>
      </c>
      <c r="D148" s="3">
        <v>5</v>
      </c>
    </row>
    <row r="149" spans="1:4" x14ac:dyDescent="0.2">
      <c r="A149" s="4" t="s">
        <v>278</v>
      </c>
      <c r="B149" s="4" t="s">
        <v>12</v>
      </c>
      <c r="C149" s="4" t="s">
        <v>250</v>
      </c>
      <c r="D149" s="3">
        <v>6</v>
      </c>
    </row>
    <row r="150" spans="1:4" x14ac:dyDescent="0.2">
      <c r="A150" s="4" t="s">
        <v>265</v>
      </c>
      <c r="B150" s="4" t="s">
        <v>279</v>
      </c>
      <c r="C150" s="4" t="s">
        <v>280</v>
      </c>
      <c r="D150" s="3">
        <v>7</v>
      </c>
    </row>
    <row r="151" spans="1:4" x14ac:dyDescent="0.2">
      <c r="A151" s="4" t="s">
        <v>31</v>
      </c>
      <c r="B151" s="4" t="s">
        <v>281</v>
      </c>
      <c r="C151" s="4" t="s">
        <v>282</v>
      </c>
      <c r="D151" s="3">
        <v>8</v>
      </c>
    </row>
    <row r="153" spans="1:4" x14ac:dyDescent="0.2">
      <c r="A153" s="5" t="s">
        <v>283</v>
      </c>
      <c r="B153" s="5"/>
      <c r="C153" s="2" t="s">
        <v>1</v>
      </c>
    </row>
    <row r="154" spans="1:4" x14ac:dyDescent="0.2">
      <c r="A154" s="3" t="s">
        <v>60</v>
      </c>
      <c r="B154" s="3" t="s">
        <v>284</v>
      </c>
      <c r="C154">
        <v>1</v>
      </c>
    </row>
    <row r="155" spans="1:4" x14ac:dyDescent="0.2">
      <c r="A155" s="4" t="s">
        <v>64</v>
      </c>
      <c r="B155" s="4" t="s">
        <v>285</v>
      </c>
      <c r="C155">
        <v>2</v>
      </c>
    </row>
    <row r="156" spans="1:4" x14ac:dyDescent="0.2">
      <c r="A156" s="4" t="s">
        <v>286</v>
      </c>
      <c r="B156" s="4" t="s">
        <v>287</v>
      </c>
      <c r="C156">
        <v>3</v>
      </c>
    </row>
    <row r="157" spans="1:4" x14ac:dyDescent="0.2">
      <c r="A157" s="4" t="s">
        <v>288</v>
      </c>
      <c r="B157" s="4" t="s">
        <v>289</v>
      </c>
      <c r="C157">
        <v>4</v>
      </c>
    </row>
    <row r="158" spans="1:4" x14ac:dyDescent="0.2">
      <c r="A158" s="4" t="s">
        <v>62</v>
      </c>
      <c r="B158" s="4" t="s">
        <v>290</v>
      </c>
      <c r="C158">
        <v>5</v>
      </c>
    </row>
    <row r="159" spans="1:4" x14ac:dyDescent="0.2">
      <c r="A159" s="4" t="s">
        <v>160</v>
      </c>
      <c r="B159" s="4" t="s">
        <v>291</v>
      </c>
      <c r="C159">
        <v>6</v>
      </c>
    </row>
    <row r="160" spans="1:4" x14ac:dyDescent="0.2">
      <c r="A160" s="4" t="s">
        <v>292</v>
      </c>
      <c r="B160" s="4" t="s">
        <v>293</v>
      </c>
      <c r="C160">
        <v>7</v>
      </c>
    </row>
    <row r="161" spans="1:4" x14ac:dyDescent="0.2">
      <c r="A161" s="4" t="s">
        <v>294</v>
      </c>
      <c r="B161" s="4" t="s">
        <v>295</v>
      </c>
      <c r="C161">
        <v>8</v>
      </c>
    </row>
    <row r="162" spans="1:4" x14ac:dyDescent="0.2">
      <c r="A162" s="4" t="s">
        <v>296</v>
      </c>
      <c r="B162" s="4" t="s">
        <v>297</v>
      </c>
      <c r="C162">
        <v>9</v>
      </c>
    </row>
    <row r="163" spans="1:4" x14ac:dyDescent="0.2">
      <c r="A163" s="4" t="s">
        <v>78</v>
      </c>
      <c r="B163" s="4" t="s">
        <v>298</v>
      </c>
      <c r="C163">
        <v>10</v>
      </c>
    </row>
    <row r="165" spans="1:4" x14ac:dyDescent="0.2">
      <c r="A165" s="5" t="s">
        <v>299</v>
      </c>
      <c r="B165" s="5"/>
      <c r="C165" s="5"/>
      <c r="D165" s="2" t="s">
        <v>1</v>
      </c>
    </row>
    <row r="166" spans="1:4" x14ac:dyDescent="0.2">
      <c r="A166" s="4" t="s">
        <v>160</v>
      </c>
      <c r="B166" s="4" t="s">
        <v>142</v>
      </c>
      <c r="C166" s="4" t="s">
        <v>300</v>
      </c>
      <c r="D166" s="3">
        <v>1</v>
      </c>
    </row>
    <row r="167" spans="1:4" x14ac:dyDescent="0.2">
      <c r="A167" s="4" t="s">
        <v>11</v>
      </c>
      <c r="B167" s="4" t="s">
        <v>301</v>
      </c>
      <c r="C167" s="4" t="s">
        <v>302</v>
      </c>
      <c r="D167" s="3">
        <v>2</v>
      </c>
    </row>
    <row r="168" spans="1:4" x14ac:dyDescent="0.2">
      <c r="A168" s="4" t="s">
        <v>149</v>
      </c>
      <c r="B168" s="4" t="s">
        <v>303</v>
      </c>
      <c r="C168" s="4" t="s">
        <v>304</v>
      </c>
      <c r="D168" s="3">
        <v>3</v>
      </c>
    </row>
    <row r="169" spans="1:4" x14ac:dyDescent="0.2">
      <c r="A169" s="4" t="s">
        <v>305</v>
      </c>
      <c r="B169" s="4" t="s">
        <v>306</v>
      </c>
      <c r="C169" s="4" t="s">
        <v>307</v>
      </c>
      <c r="D169" s="3">
        <v>4</v>
      </c>
    </row>
    <row r="170" spans="1:4" x14ac:dyDescent="0.2">
      <c r="A170" s="4" t="s">
        <v>308</v>
      </c>
      <c r="B170" s="4" t="s">
        <v>309</v>
      </c>
      <c r="C170" s="4" t="s">
        <v>310</v>
      </c>
      <c r="D170" s="3">
        <v>5</v>
      </c>
    </row>
    <row r="171" spans="1:4" x14ac:dyDescent="0.2">
      <c r="A171" s="4" t="s">
        <v>311</v>
      </c>
      <c r="B171" s="4" t="s">
        <v>312</v>
      </c>
      <c r="C171" s="4" t="s">
        <v>313</v>
      </c>
      <c r="D171" s="3">
        <v>6</v>
      </c>
    </row>
    <row r="172" spans="1:4" x14ac:dyDescent="0.2">
      <c r="A172" s="4" t="s">
        <v>215</v>
      </c>
      <c r="B172" s="4" t="s">
        <v>101</v>
      </c>
      <c r="C172" s="4" t="s">
        <v>314</v>
      </c>
      <c r="D172" s="3">
        <v>7</v>
      </c>
    </row>
    <row r="173" spans="1:4" x14ac:dyDescent="0.2">
      <c r="A173" s="4" t="s">
        <v>68</v>
      </c>
      <c r="B173" s="4" t="s">
        <v>315</v>
      </c>
      <c r="C173" s="4" t="s">
        <v>316</v>
      </c>
      <c r="D173" s="3">
        <v>8</v>
      </c>
    </row>
    <row r="174" spans="1:4" x14ac:dyDescent="0.2">
      <c r="A174" s="4" t="s">
        <v>21</v>
      </c>
      <c r="B174" s="4" t="s">
        <v>317</v>
      </c>
      <c r="C174" s="4" t="s">
        <v>318</v>
      </c>
      <c r="D174" s="3">
        <v>9</v>
      </c>
    </row>
    <row r="175" spans="1:4" x14ac:dyDescent="0.2">
      <c r="A175" s="4" t="s">
        <v>66</v>
      </c>
      <c r="B175" s="4" t="s">
        <v>319</v>
      </c>
      <c r="C175" s="4" t="s">
        <v>320</v>
      </c>
      <c r="D175" s="3">
        <v>10</v>
      </c>
    </row>
    <row r="177" spans="1:3" x14ac:dyDescent="0.2">
      <c r="A177" s="5" t="s">
        <v>321</v>
      </c>
      <c r="B177" s="5"/>
      <c r="C177" s="2" t="s">
        <v>1</v>
      </c>
    </row>
    <row r="178" spans="1:3" x14ac:dyDescent="0.2">
      <c r="A178" s="4" t="s">
        <v>178</v>
      </c>
      <c r="B178" s="4" t="s">
        <v>322</v>
      </c>
      <c r="C178" s="3">
        <v>1</v>
      </c>
    </row>
    <row r="179" spans="1:3" x14ac:dyDescent="0.2">
      <c r="A179" s="4" t="s">
        <v>323</v>
      </c>
      <c r="B179" s="4" t="s">
        <v>324</v>
      </c>
      <c r="C179" s="3">
        <v>2</v>
      </c>
    </row>
    <row r="180" spans="1:3" x14ac:dyDescent="0.2">
      <c r="A180" s="4" t="s">
        <v>8</v>
      </c>
      <c r="B180" s="4" t="s">
        <v>325</v>
      </c>
      <c r="C180" s="3">
        <v>3</v>
      </c>
    </row>
    <row r="181" spans="1:3" x14ac:dyDescent="0.2">
      <c r="A181" s="4" t="s">
        <v>60</v>
      </c>
      <c r="B181" s="4" t="s">
        <v>326</v>
      </c>
      <c r="C181" s="3">
        <v>4</v>
      </c>
    </row>
    <row r="182" spans="1:3" x14ac:dyDescent="0.2">
      <c r="A182" s="4" t="s">
        <v>2</v>
      </c>
      <c r="B182" s="4" t="s">
        <v>327</v>
      </c>
      <c r="C182" s="3">
        <v>5</v>
      </c>
    </row>
    <row r="183" spans="1:3" x14ac:dyDescent="0.2">
      <c r="A183" s="4" t="s">
        <v>328</v>
      </c>
      <c r="B183" s="4" t="s">
        <v>329</v>
      </c>
      <c r="C183" s="3">
        <v>6</v>
      </c>
    </row>
    <row r="184" spans="1:3" x14ac:dyDescent="0.2">
      <c r="A184" s="4" t="s">
        <v>2</v>
      </c>
      <c r="B184" s="4" t="s">
        <v>330</v>
      </c>
      <c r="C184" s="3">
        <v>7</v>
      </c>
    </row>
    <row r="185" spans="1:3" x14ac:dyDescent="0.2">
      <c r="A185" s="4" t="s">
        <v>107</v>
      </c>
      <c r="B185" s="4" t="s">
        <v>331</v>
      </c>
      <c r="C185" s="3">
        <v>8</v>
      </c>
    </row>
    <row r="186" spans="1:3" x14ac:dyDescent="0.2">
      <c r="A186" s="4" t="s">
        <v>332</v>
      </c>
      <c r="B186" s="4" t="s">
        <v>333</v>
      </c>
      <c r="C186" s="3">
        <v>9</v>
      </c>
    </row>
    <row r="187" spans="1:3" x14ac:dyDescent="0.2">
      <c r="A187" s="4" t="s">
        <v>334</v>
      </c>
      <c r="B187" s="4" t="s">
        <v>335</v>
      </c>
      <c r="C187" s="3">
        <v>10</v>
      </c>
    </row>
    <row r="189" spans="1:3" x14ac:dyDescent="0.2">
      <c r="A189" s="5" t="s">
        <v>336</v>
      </c>
      <c r="B189" s="5"/>
      <c r="C189" s="2" t="s">
        <v>1</v>
      </c>
    </row>
    <row r="190" spans="1:3" x14ac:dyDescent="0.2">
      <c r="A190" s="3" t="s">
        <v>64</v>
      </c>
      <c r="B190" s="3" t="s">
        <v>337</v>
      </c>
      <c r="C190" s="3">
        <v>1</v>
      </c>
    </row>
    <row r="191" spans="1:3" x14ac:dyDescent="0.2">
      <c r="A191" s="4" t="s">
        <v>338</v>
      </c>
      <c r="B191" s="4" t="s">
        <v>339</v>
      </c>
      <c r="C191" s="3">
        <v>2</v>
      </c>
    </row>
    <row r="192" spans="1:3" x14ac:dyDescent="0.2">
      <c r="A192" s="4" t="s">
        <v>62</v>
      </c>
      <c r="B192" s="4" t="s">
        <v>340</v>
      </c>
      <c r="C192" s="3">
        <v>3</v>
      </c>
    </row>
    <row r="193" spans="1:4" x14ac:dyDescent="0.2">
      <c r="A193" s="4" t="s">
        <v>341</v>
      </c>
      <c r="B193" s="4" t="s">
        <v>342</v>
      </c>
      <c r="C193" s="3">
        <v>4</v>
      </c>
    </row>
    <row r="194" spans="1:4" x14ac:dyDescent="0.2">
      <c r="A194" s="4" t="s">
        <v>60</v>
      </c>
      <c r="B194" s="4" t="s">
        <v>343</v>
      </c>
      <c r="C194" s="3">
        <v>5</v>
      </c>
    </row>
    <row r="195" spans="1:4" x14ac:dyDescent="0.2">
      <c r="A195" s="4" t="s">
        <v>328</v>
      </c>
      <c r="B195" s="4" t="s">
        <v>344</v>
      </c>
      <c r="C195" s="3">
        <v>6</v>
      </c>
    </row>
    <row r="196" spans="1:4" x14ac:dyDescent="0.2">
      <c r="A196" s="4" t="s">
        <v>345</v>
      </c>
      <c r="B196" s="4" t="s">
        <v>346</v>
      </c>
      <c r="C196" s="3">
        <v>7</v>
      </c>
    </row>
    <row r="197" spans="1:4" x14ac:dyDescent="0.2">
      <c r="A197" s="4" t="s">
        <v>347</v>
      </c>
      <c r="B197" s="4" t="s">
        <v>348</v>
      </c>
      <c r="C197" s="3">
        <v>8</v>
      </c>
    </row>
    <row r="198" spans="1:4" x14ac:dyDescent="0.2">
      <c r="A198" s="4" t="s">
        <v>349</v>
      </c>
      <c r="B198" s="4" t="s">
        <v>350</v>
      </c>
      <c r="C198" s="3">
        <v>9</v>
      </c>
    </row>
    <row r="199" spans="1:4" x14ac:dyDescent="0.2">
      <c r="A199" s="4" t="s">
        <v>94</v>
      </c>
      <c r="B199" s="4" t="s">
        <v>351</v>
      </c>
      <c r="C199" s="3">
        <v>10</v>
      </c>
    </row>
    <row r="201" spans="1:4" x14ac:dyDescent="0.2">
      <c r="A201" s="5" t="s">
        <v>352</v>
      </c>
      <c r="B201" s="5"/>
      <c r="C201" s="5"/>
      <c r="D201" s="5"/>
    </row>
    <row r="202" spans="1:4" x14ac:dyDescent="0.2">
      <c r="A202" s="5"/>
      <c r="B202" s="5"/>
      <c r="C202" s="5"/>
      <c r="D202" s="2" t="s">
        <v>1</v>
      </c>
    </row>
    <row r="203" spans="1:4" x14ac:dyDescent="0.2">
      <c r="A203" s="4" t="s">
        <v>112</v>
      </c>
      <c r="B203" s="4" t="s">
        <v>353</v>
      </c>
      <c r="C203" s="4" t="s">
        <v>354</v>
      </c>
      <c r="D203" s="3">
        <v>1</v>
      </c>
    </row>
    <row r="204" spans="1:4" x14ac:dyDescent="0.2">
      <c r="A204" s="4" t="s">
        <v>112</v>
      </c>
      <c r="B204" s="4" t="s">
        <v>105</v>
      </c>
      <c r="C204" s="4" t="s">
        <v>355</v>
      </c>
      <c r="D204" s="3">
        <v>2</v>
      </c>
    </row>
    <row r="205" spans="1:4" x14ac:dyDescent="0.2">
      <c r="A205" s="4" t="s">
        <v>27</v>
      </c>
      <c r="B205" s="4" t="s">
        <v>356</v>
      </c>
      <c r="C205" s="4" t="s">
        <v>357</v>
      </c>
      <c r="D205" s="3">
        <v>3</v>
      </c>
    </row>
    <row r="206" spans="1:4" x14ac:dyDescent="0.2">
      <c r="A206" s="4" t="s">
        <v>358</v>
      </c>
      <c r="B206" s="4" t="s">
        <v>359</v>
      </c>
      <c r="C206" s="4" t="s">
        <v>360</v>
      </c>
      <c r="D206" s="3">
        <v>4</v>
      </c>
    </row>
    <row r="207" spans="1:4" x14ac:dyDescent="0.2">
      <c r="A207" s="4" t="s">
        <v>68</v>
      </c>
      <c r="B207" s="4" t="s">
        <v>361</v>
      </c>
      <c r="C207" s="4" t="s">
        <v>362</v>
      </c>
      <c r="D207" s="3">
        <v>5</v>
      </c>
    </row>
    <row r="208" spans="1:4" x14ac:dyDescent="0.2">
      <c r="A208" s="4" t="s">
        <v>68</v>
      </c>
      <c r="B208" s="4" t="s">
        <v>363</v>
      </c>
      <c r="C208" s="4" t="s">
        <v>364</v>
      </c>
      <c r="D208" s="3">
        <v>6</v>
      </c>
    </row>
    <row r="209" spans="1:4" x14ac:dyDescent="0.2">
      <c r="A209" s="4" t="s">
        <v>365</v>
      </c>
      <c r="B209" s="4" t="s">
        <v>366</v>
      </c>
      <c r="C209" s="4" t="s">
        <v>367</v>
      </c>
      <c r="D209" s="3">
        <v>7</v>
      </c>
    </row>
    <row r="210" spans="1:4" x14ac:dyDescent="0.2">
      <c r="A210" s="4" t="s">
        <v>368</v>
      </c>
      <c r="B210" s="4" t="s">
        <v>369</v>
      </c>
      <c r="C210" s="4" t="s">
        <v>370</v>
      </c>
      <c r="D210" s="3">
        <v>8</v>
      </c>
    </row>
    <row r="212" spans="1:4" x14ac:dyDescent="0.2">
      <c r="A212" s="5" t="s">
        <v>371</v>
      </c>
      <c r="B212" s="5"/>
      <c r="C212" s="5"/>
      <c r="D212" s="2" t="s">
        <v>1</v>
      </c>
    </row>
    <row r="213" spans="1:4" x14ac:dyDescent="0.2">
      <c r="A213" s="4" t="s">
        <v>372</v>
      </c>
      <c r="B213" s="4" t="s">
        <v>373</v>
      </c>
      <c r="C213" s="4" t="s">
        <v>374</v>
      </c>
      <c r="D213" s="3">
        <v>1</v>
      </c>
    </row>
    <row r="214" spans="1:4" x14ac:dyDescent="0.2">
      <c r="A214" s="6" t="s">
        <v>375</v>
      </c>
      <c r="B214" s="6" t="s">
        <v>376</v>
      </c>
      <c r="C214" s="6" t="s">
        <v>377</v>
      </c>
      <c r="D214" s="7">
        <v>2</v>
      </c>
    </row>
    <row r="215" spans="1:4" x14ac:dyDescent="0.2">
      <c r="A215" s="4" t="s">
        <v>378</v>
      </c>
      <c r="B215" s="4" t="s">
        <v>118</v>
      </c>
      <c r="C215" s="4" t="s">
        <v>379</v>
      </c>
      <c r="D215" s="3">
        <v>3</v>
      </c>
    </row>
    <row r="216" spans="1:4" x14ac:dyDescent="0.2">
      <c r="A216" s="4" t="s">
        <v>380</v>
      </c>
      <c r="B216" s="4" t="s">
        <v>381</v>
      </c>
      <c r="C216" s="4" t="s">
        <v>40</v>
      </c>
      <c r="D216" s="3">
        <v>4</v>
      </c>
    </row>
    <row r="217" spans="1:4" x14ac:dyDescent="0.2">
      <c r="A217" s="4" t="s">
        <v>382</v>
      </c>
      <c r="B217" s="4" t="s">
        <v>383</v>
      </c>
      <c r="C217" s="4" t="s">
        <v>300</v>
      </c>
      <c r="D217" s="3">
        <v>5</v>
      </c>
    </row>
    <row r="218" spans="1:4" x14ac:dyDescent="0.2">
      <c r="A218" s="4" t="s">
        <v>384</v>
      </c>
      <c r="B218" s="4" t="s">
        <v>385</v>
      </c>
      <c r="C218" s="4" t="s">
        <v>386</v>
      </c>
      <c r="D218" s="3">
        <v>6</v>
      </c>
    </row>
    <row r="219" spans="1:4" x14ac:dyDescent="0.2">
      <c r="A219" s="4" t="s">
        <v>387</v>
      </c>
      <c r="B219" s="4" t="s">
        <v>388</v>
      </c>
      <c r="C219" s="4" t="s">
        <v>389</v>
      </c>
      <c r="D219" s="3">
        <v>7</v>
      </c>
    </row>
    <row r="220" spans="1:4" x14ac:dyDescent="0.2">
      <c r="A220" s="4" t="s">
        <v>117</v>
      </c>
      <c r="B220" s="4" t="s">
        <v>390</v>
      </c>
      <c r="C220" s="4" t="s">
        <v>391</v>
      </c>
      <c r="D220" s="3">
        <v>8</v>
      </c>
    </row>
    <row r="221" spans="1:4" x14ac:dyDescent="0.2">
      <c r="A221" s="4" t="s">
        <v>47</v>
      </c>
      <c r="B221" s="4" t="s">
        <v>18</v>
      </c>
      <c r="C221" s="4" t="s">
        <v>392</v>
      </c>
      <c r="D221" s="3">
        <v>9</v>
      </c>
    </row>
    <row r="222" spans="1:4" x14ac:dyDescent="0.2">
      <c r="A222" s="4" t="s">
        <v>393</v>
      </c>
      <c r="B222" s="4" t="s">
        <v>394</v>
      </c>
      <c r="C222" s="4" t="s">
        <v>395</v>
      </c>
      <c r="D222" s="3">
        <v>10</v>
      </c>
    </row>
    <row r="224" spans="1:4" x14ac:dyDescent="0.2">
      <c r="A224" s="5" t="s">
        <v>396</v>
      </c>
      <c r="D224" s="2" t="s">
        <v>1</v>
      </c>
    </row>
    <row r="225" spans="1:4" x14ac:dyDescent="0.2">
      <c r="A225" s="3" t="s">
        <v>292</v>
      </c>
      <c r="B225" s="3" t="s">
        <v>397</v>
      </c>
      <c r="C225" s="3" t="s">
        <v>398</v>
      </c>
      <c r="D225" s="3">
        <v>1</v>
      </c>
    </row>
    <row r="226" spans="1:4" x14ac:dyDescent="0.2">
      <c r="A226" s="4" t="s">
        <v>2</v>
      </c>
      <c r="B226" s="4" t="s">
        <v>205</v>
      </c>
      <c r="C226" s="4" t="s">
        <v>399</v>
      </c>
      <c r="D226" s="3">
        <v>2</v>
      </c>
    </row>
    <row r="227" spans="1:4" x14ac:dyDescent="0.2">
      <c r="A227" s="4" t="s">
        <v>53</v>
      </c>
      <c r="B227" s="4" t="s">
        <v>400</v>
      </c>
      <c r="C227" s="4" t="s">
        <v>401</v>
      </c>
      <c r="D227" s="3">
        <v>3</v>
      </c>
    </row>
    <row r="228" spans="1:4" x14ac:dyDescent="0.2">
      <c r="A228" s="4" t="s">
        <v>215</v>
      </c>
      <c r="B228" s="4" t="s">
        <v>402</v>
      </c>
      <c r="C228" s="4" t="s">
        <v>403</v>
      </c>
      <c r="D228" s="3">
        <v>4</v>
      </c>
    </row>
    <row r="229" spans="1:4" x14ac:dyDescent="0.2">
      <c r="A229" s="4" t="s">
        <v>84</v>
      </c>
      <c r="B229" s="4" t="s">
        <v>404</v>
      </c>
      <c r="C229" s="4" t="s">
        <v>405</v>
      </c>
      <c r="D229" s="3">
        <v>5</v>
      </c>
    </row>
    <row r="230" spans="1:4" x14ac:dyDescent="0.2">
      <c r="A230" s="4" t="s">
        <v>406</v>
      </c>
      <c r="B230" s="4" t="s">
        <v>407</v>
      </c>
      <c r="C230" s="4" t="s">
        <v>408</v>
      </c>
      <c r="D230" s="3">
        <v>6</v>
      </c>
    </row>
    <row r="231" spans="1:4" x14ac:dyDescent="0.2">
      <c r="A231" s="4" t="s">
        <v>409</v>
      </c>
      <c r="B231" s="4" t="s">
        <v>410</v>
      </c>
      <c r="C231" s="4" t="s">
        <v>411</v>
      </c>
      <c r="D231" s="3">
        <v>7</v>
      </c>
    </row>
    <row r="232" spans="1:4" x14ac:dyDescent="0.2">
      <c r="A232" s="4" t="s">
        <v>152</v>
      </c>
      <c r="B232" s="4" t="s">
        <v>412</v>
      </c>
      <c r="C232" s="4" t="s">
        <v>413</v>
      </c>
      <c r="D232" s="3">
        <v>8</v>
      </c>
    </row>
    <row r="233" spans="1:4" x14ac:dyDescent="0.2">
      <c r="A233" s="4" t="s">
        <v>222</v>
      </c>
      <c r="B233" s="4" t="s">
        <v>414</v>
      </c>
      <c r="C233" s="4" t="s">
        <v>415</v>
      </c>
      <c r="D233" s="3">
        <v>9</v>
      </c>
    </row>
    <row r="234" spans="1:4" x14ac:dyDescent="0.2">
      <c r="A234" s="4" t="s">
        <v>152</v>
      </c>
      <c r="B234" s="4" t="s">
        <v>416</v>
      </c>
      <c r="C234" s="4" t="s">
        <v>417</v>
      </c>
      <c r="D234" s="3">
        <v>10</v>
      </c>
    </row>
    <row r="236" spans="1:4" x14ac:dyDescent="0.2">
      <c r="A236" s="5" t="s">
        <v>418</v>
      </c>
      <c r="B236" s="5"/>
      <c r="C236" s="10" t="s">
        <v>1</v>
      </c>
    </row>
    <row r="237" spans="1:4" x14ac:dyDescent="0.2">
      <c r="A237" s="3" t="s">
        <v>372</v>
      </c>
      <c r="B237" s="3" t="s">
        <v>419</v>
      </c>
      <c r="C237">
        <v>1</v>
      </c>
    </row>
    <row r="238" spans="1:4" x14ac:dyDescent="0.2">
      <c r="A238" s="4" t="s">
        <v>178</v>
      </c>
      <c r="B238" s="4" t="s">
        <v>420</v>
      </c>
      <c r="C238">
        <v>2</v>
      </c>
    </row>
    <row r="239" spans="1:4" x14ac:dyDescent="0.2">
      <c r="A239" s="4" t="s">
        <v>2</v>
      </c>
      <c r="B239" s="4" t="s">
        <v>421</v>
      </c>
      <c r="C239">
        <v>3</v>
      </c>
    </row>
    <row r="240" spans="1:4" x14ac:dyDescent="0.2">
      <c r="A240" s="4" t="s">
        <v>2</v>
      </c>
      <c r="B240" s="4" t="s">
        <v>422</v>
      </c>
      <c r="C240">
        <v>4</v>
      </c>
    </row>
    <row r="241" spans="1:5" x14ac:dyDescent="0.2">
      <c r="A241" s="4" t="s">
        <v>21</v>
      </c>
      <c r="B241" s="4" t="s">
        <v>423</v>
      </c>
      <c r="C241">
        <v>5</v>
      </c>
    </row>
    <row r="242" spans="1:5" x14ac:dyDescent="0.2">
      <c r="A242" s="4" t="s">
        <v>424</v>
      </c>
      <c r="B242" s="4" t="s">
        <v>425</v>
      </c>
      <c r="C242">
        <v>6</v>
      </c>
    </row>
    <row r="243" spans="1:5" x14ac:dyDescent="0.2">
      <c r="A243" s="3" t="s">
        <v>426</v>
      </c>
      <c r="B243" s="3" t="s">
        <v>427</v>
      </c>
      <c r="C243">
        <v>7</v>
      </c>
    </row>
    <row r="244" spans="1:5" x14ac:dyDescent="0.2">
      <c r="A244" s="4" t="s">
        <v>66</v>
      </c>
      <c r="B244" s="4" t="s">
        <v>428</v>
      </c>
      <c r="C244">
        <v>8</v>
      </c>
    </row>
    <row r="245" spans="1:5" x14ac:dyDescent="0.2">
      <c r="A245" s="4" t="s">
        <v>68</v>
      </c>
      <c r="B245" s="4" t="s">
        <v>429</v>
      </c>
      <c r="C245">
        <v>9</v>
      </c>
    </row>
    <row r="246" spans="1:5" x14ac:dyDescent="0.2">
      <c r="A246" s="4" t="s">
        <v>152</v>
      </c>
      <c r="B246" s="4" t="s">
        <v>430</v>
      </c>
      <c r="C246">
        <v>10</v>
      </c>
    </row>
    <row r="247" spans="1:5" x14ac:dyDescent="0.2">
      <c r="B247" s="8"/>
    </row>
    <row r="248" spans="1:5" x14ac:dyDescent="0.2">
      <c r="A248" s="5" t="s">
        <v>431</v>
      </c>
      <c r="C248" s="2"/>
    </row>
    <row r="249" spans="1:5" x14ac:dyDescent="0.2">
      <c r="A249" s="3" t="s">
        <v>278</v>
      </c>
      <c r="B249" s="3" t="s">
        <v>859</v>
      </c>
      <c r="C249" s="3" t="s">
        <v>860</v>
      </c>
      <c r="E249">
        <v>1</v>
      </c>
    </row>
    <row r="250" spans="1:5" x14ac:dyDescent="0.2">
      <c r="A250" s="4" t="s">
        <v>104</v>
      </c>
      <c r="B250" s="4" t="s">
        <v>861</v>
      </c>
      <c r="C250" s="4" t="s">
        <v>862</v>
      </c>
      <c r="D250" s="3" t="s">
        <v>863</v>
      </c>
      <c r="E250">
        <v>2</v>
      </c>
    </row>
    <row r="251" spans="1:5" x14ac:dyDescent="0.2">
      <c r="A251" s="4" t="s">
        <v>434</v>
      </c>
      <c r="B251" s="4" t="s">
        <v>864</v>
      </c>
      <c r="C251" s="4" t="s">
        <v>865</v>
      </c>
      <c r="D251" s="18"/>
      <c r="E251">
        <v>3</v>
      </c>
    </row>
    <row r="252" spans="1:5" x14ac:dyDescent="0.2">
      <c r="A252" s="4" t="s">
        <v>178</v>
      </c>
      <c r="B252" s="4" t="s">
        <v>866</v>
      </c>
      <c r="C252" s="4" t="s">
        <v>867</v>
      </c>
      <c r="D252" s="13"/>
      <c r="E252">
        <v>4</v>
      </c>
    </row>
    <row r="253" spans="1:5" x14ac:dyDescent="0.2">
      <c r="A253" s="4" t="s">
        <v>380</v>
      </c>
      <c r="B253" s="4" t="s">
        <v>868</v>
      </c>
      <c r="C253" s="4" t="s">
        <v>381</v>
      </c>
      <c r="D253" s="4" t="s">
        <v>869</v>
      </c>
      <c r="E253">
        <v>5</v>
      </c>
    </row>
    <row r="254" spans="1:5" x14ac:dyDescent="0.2">
      <c r="A254" s="4" t="s">
        <v>62</v>
      </c>
      <c r="B254" s="4" t="s">
        <v>870</v>
      </c>
      <c r="C254" s="4" t="s">
        <v>871</v>
      </c>
      <c r="D254" s="4" t="s">
        <v>872</v>
      </c>
      <c r="E254">
        <v>6</v>
      </c>
    </row>
    <row r="255" spans="1:5" x14ac:dyDescent="0.2">
      <c r="A255" s="3" t="s">
        <v>81</v>
      </c>
      <c r="B255" s="3" t="s">
        <v>873</v>
      </c>
      <c r="C255" s="3" t="s">
        <v>874</v>
      </c>
      <c r="E255">
        <v>7</v>
      </c>
    </row>
    <row r="256" spans="1:5" x14ac:dyDescent="0.2">
      <c r="A256" s="4" t="s">
        <v>433</v>
      </c>
      <c r="B256" s="4" t="s">
        <v>875</v>
      </c>
      <c r="C256" s="4" t="s">
        <v>876</v>
      </c>
      <c r="D256" s="13"/>
      <c r="E256">
        <v>8</v>
      </c>
    </row>
    <row r="257" spans="1:5" x14ac:dyDescent="0.2">
      <c r="A257" s="4" t="s">
        <v>75</v>
      </c>
      <c r="B257" s="4" t="s">
        <v>877</v>
      </c>
      <c r="C257" s="4" t="s">
        <v>569</v>
      </c>
      <c r="D257" s="3" t="s">
        <v>878</v>
      </c>
      <c r="E257">
        <v>9</v>
      </c>
    </row>
    <row r="258" spans="1:5" x14ac:dyDescent="0.2">
      <c r="A258" s="4" t="s">
        <v>432</v>
      </c>
      <c r="B258" s="4" t="s">
        <v>879</v>
      </c>
      <c r="C258" s="4" t="s">
        <v>867</v>
      </c>
      <c r="D258" s="4" t="s">
        <v>867</v>
      </c>
      <c r="E258">
        <v>10</v>
      </c>
    </row>
    <row r="260" spans="1:5" x14ac:dyDescent="0.2">
      <c r="A260" s="5" t="s">
        <v>435</v>
      </c>
      <c r="B260" s="5"/>
      <c r="C260" s="5"/>
      <c r="D260" s="2" t="s">
        <v>1</v>
      </c>
    </row>
    <row r="261" spans="1:5" x14ac:dyDescent="0.2">
      <c r="A261" s="4" t="s">
        <v>50</v>
      </c>
      <c r="B261" s="4" t="s">
        <v>436</v>
      </c>
      <c r="C261" s="4" t="s">
        <v>437</v>
      </c>
      <c r="D261">
        <v>1</v>
      </c>
    </row>
    <row r="262" spans="1:5" x14ac:dyDescent="0.2">
      <c r="A262" s="4" t="s">
        <v>11</v>
      </c>
      <c r="B262" s="4" t="s">
        <v>200</v>
      </c>
      <c r="C262" s="4" t="s">
        <v>438</v>
      </c>
      <c r="D262">
        <v>2</v>
      </c>
    </row>
    <row r="263" spans="1:5" x14ac:dyDescent="0.2">
      <c r="A263" s="4" t="s">
        <v>11</v>
      </c>
      <c r="B263" s="4" t="s">
        <v>110</v>
      </c>
      <c r="C263" s="4" t="s">
        <v>34</v>
      </c>
      <c r="D263">
        <v>3</v>
      </c>
    </row>
    <row r="264" spans="1:5" x14ac:dyDescent="0.2">
      <c r="A264" s="4" t="s">
        <v>60</v>
      </c>
      <c r="B264" s="4" t="s">
        <v>439</v>
      </c>
      <c r="C264" s="4" t="s">
        <v>440</v>
      </c>
      <c r="D264">
        <v>4</v>
      </c>
    </row>
    <row r="265" spans="1:5" x14ac:dyDescent="0.2">
      <c r="A265" s="4" t="s">
        <v>5</v>
      </c>
      <c r="B265" s="4" t="s">
        <v>441</v>
      </c>
      <c r="C265" s="4" t="s">
        <v>442</v>
      </c>
      <c r="D265">
        <v>5</v>
      </c>
    </row>
    <row r="266" spans="1:5" x14ac:dyDescent="0.2">
      <c r="A266" s="4" t="s">
        <v>66</v>
      </c>
      <c r="B266" s="4" t="s">
        <v>443</v>
      </c>
      <c r="C266" s="4" t="s">
        <v>444</v>
      </c>
      <c r="D266">
        <v>6</v>
      </c>
    </row>
    <row r="267" spans="1:5" x14ac:dyDescent="0.2">
      <c r="A267" s="4" t="s">
        <v>341</v>
      </c>
      <c r="B267" s="4" t="s">
        <v>445</v>
      </c>
      <c r="C267" s="4" t="s">
        <v>446</v>
      </c>
      <c r="D267">
        <v>7</v>
      </c>
    </row>
    <row r="268" spans="1:5" x14ac:dyDescent="0.2">
      <c r="A268" s="4" t="s">
        <v>270</v>
      </c>
      <c r="B268" s="4" t="s">
        <v>447</v>
      </c>
      <c r="C268" s="4" t="s">
        <v>448</v>
      </c>
      <c r="D268">
        <v>8</v>
      </c>
    </row>
    <row r="269" spans="1:5" x14ac:dyDescent="0.2">
      <c r="A269" s="4" t="s">
        <v>120</v>
      </c>
      <c r="B269" s="4" t="s">
        <v>449</v>
      </c>
      <c r="C269" s="4" t="s">
        <v>450</v>
      </c>
      <c r="D269">
        <v>9</v>
      </c>
    </row>
    <row r="270" spans="1:5" x14ac:dyDescent="0.2">
      <c r="A270" s="4" t="s">
        <v>2</v>
      </c>
      <c r="B270" s="4" t="s">
        <v>353</v>
      </c>
      <c r="C270" s="4" t="s">
        <v>451</v>
      </c>
      <c r="D270">
        <v>10</v>
      </c>
    </row>
    <row r="272" spans="1:5" x14ac:dyDescent="0.2">
      <c r="A272" s="11" t="s">
        <v>452</v>
      </c>
      <c r="B272" s="8"/>
      <c r="D272" s="2" t="s">
        <v>1</v>
      </c>
    </row>
    <row r="273" spans="1:5" x14ac:dyDescent="0.2">
      <c r="A273" s="3" t="s">
        <v>60</v>
      </c>
      <c r="B273" s="3" t="s">
        <v>453</v>
      </c>
      <c r="C273" s="3" t="s">
        <v>454</v>
      </c>
      <c r="D273">
        <v>1</v>
      </c>
    </row>
    <row r="274" spans="1:5" x14ac:dyDescent="0.2">
      <c r="A274" s="4" t="s">
        <v>68</v>
      </c>
      <c r="B274" s="4" t="s">
        <v>455</v>
      </c>
      <c r="C274" s="4" t="s">
        <v>456</v>
      </c>
      <c r="D274">
        <v>2</v>
      </c>
    </row>
    <row r="275" spans="1:5" x14ac:dyDescent="0.2">
      <c r="A275" s="4" t="s">
        <v>62</v>
      </c>
      <c r="B275" s="4" t="s">
        <v>457</v>
      </c>
      <c r="C275" s="4" t="s">
        <v>458</v>
      </c>
      <c r="D275">
        <v>3</v>
      </c>
    </row>
    <row r="276" spans="1:5" x14ac:dyDescent="0.2">
      <c r="A276" s="4" t="s">
        <v>160</v>
      </c>
      <c r="B276" s="4" t="s">
        <v>459</v>
      </c>
      <c r="C276" s="4" t="s">
        <v>460</v>
      </c>
      <c r="D276">
        <v>4</v>
      </c>
    </row>
    <row r="277" spans="1:5" x14ac:dyDescent="0.2">
      <c r="A277" s="4" t="s">
        <v>461</v>
      </c>
      <c r="B277" s="4" t="s">
        <v>462</v>
      </c>
      <c r="C277" s="4" t="s">
        <v>463</v>
      </c>
      <c r="D277">
        <v>5</v>
      </c>
    </row>
    <row r="278" spans="1:5" x14ac:dyDescent="0.2">
      <c r="A278" s="4" t="s">
        <v>270</v>
      </c>
      <c r="B278" s="4" t="s">
        <v>464</v>
      </c>
      <c r="C278" s="4" t="s">
        <v>465</v>
      </c>
      <c r="D278">
        <v>6</v>
      </c>
    </row>
    <row r="279" spans="1:5" x14ac:dyDescent="0.2">
      <c r="A279" s="4" t="s">
        <v>466</v>
      </c>
      <c r="B279" s="4" t="s">
        <v>467</v>
      </c>
      <c r="C279" s="4" t="s">
        <v>468</v>
      </c>
      <c r="D279">
        <v>7</v>
      </c>
    </row>
    <row r="280" spans="1:5" x14ac:dyDescent="0.2">
      <c r="A280" s="4" t="s">
        <v>8</v>
      </c>
      <c r="B280" s="4" t="s">
        <v>469</v>
      </c>
      <c r="C280" s="4" t="s">
        <v>470</v>
      </c>
      <c r="D280">
        <v>8</v>
      </c>
    </row>
    <row r="281" spans="1:5" x14ac:dyDescent="0.2">
      <c r="A281" s="4" t="s">
        <v>349</v>
      </c>
      <c r="B281" s="4" t="s">
        <v>48</v>
      </c>
      <c r="C281" s="4" t="s">
        <v>471</v>
      </c>
      <c r="D281">
        <v>9</v>
      </c>
    </row>
    <row r="282" spans="1:5" x14ac:dyDescent="0.2">
      <c r="A282" s="4" t="s">
        <v>384</v>
      </c>
      <c r="B282" s="4" t="s">
        <v>472</v>
      </c>
      <c r="C282" s="4" t="s">
        <v>473</v>
      </c>
      <c r="D282">
        <v>10</v>
      </c>
    </row>
    <row r="284" spans="1:5" x14ac:dyDescent="0.2">
      <c r="A284" s="5" t="s">
        <v>474</v>
      </c>
      <c r="B284" s="5"/>
      <c r="C284" s="2"/>
      <c r="D284" s="5"/>
      <c r="E284" s="5" t="s">
        <v>1</v>
      </c>
    </row>
    <row r="285" spans="1:5" x14ac:dyDescent="0.2">
      <c r="A285" s="4" t="s">
        <v>166</v>
      </c>
      <c r="B285" s="4" t="s">
        <v>838</v>
      </c>
      <c r="C285" s="4" t="s">
        <v>839</v>
      </c>
      <c r="D285" s="4"/>
      <c r="E285">
        <v>1</v>
      </c>
    </row>
    <row r="286" spans="1:5" x14ac:dyDescent="0.2">
      <c r="A286" s="4" t="s">
        <v>273</v>
      </c>
      <c r="B286" s="4" t="s">
        <v>840</v>
      </c>
      <c r="C286" s="4" t="s">
        <v>841</v>
      </c>
      <c r="D286" s="4" t="s">
        <v>842</v>
      </c>
      <c r="E286">
        <v>2</v>
      </c>
    </row>
    <row r="287" spans="1:5" x14ac:dyDescent="0.2">
      <c r="A287" s="4" t="s">
        <v>426</v>
      </c>
      <c r="B287" s="4" t="s">
        <v>122</v>
      </c>
      <c r="C287" s="4" t="s">
        <v>843</v>
      </c>
      <c r="D287" s="4"/>
      <c r="E287">
        <v>3</v>
      </c>
    </row>
    <row r="288" spans="1:5" x14ac:dyDescent="0.2">
      <c r="A288" s="4" t="s">
        <v>50</v>
      </c>
      <c r="B288" s="4" t="s">
        <v>844</v>
      </c>
      <c r="C288" s="4" t="s">
        <v>845</v>
      </c>
      <c r="D288" s="4"/>
      <c r="E288">
        <v>4</v>
      </c>
    </row>
    <row r="289" spans="1:5" x14ac:dyDescent="0.2">
      <c r="A289" s="4" t="s">
        <v>365</v>
      </c>
      <c r="B289" s="4" t="s">
        <v>846</v>
      </c>
      <c r="C289" s="4" t="s">
        <v>847</v>
      </c>
      <c r="D289" s="4" t="s">
        <v>498</v>
      </c>
      <c r="E289">
        <v>5</v>
      </c>
    </row>
    <row r="290" spans="1:5" x14ac:dyDescent="0.2">
      <c r="A290" s="4" t="s">
        <v>39</v>
      </c>
      <c r="B290" s="4" t="s">
        <v>848</v>
      </c>
      <c r="C290" s="4" t="s">
        <v>632</v>
      </c>
      <c r="D290" s="4"/>
      <c r="E290">
        <v>6</v>
      </c>
    </row>
    <row r="291" spans="1:5" x14ac:dyDescent="0.2">
      <c r="A291" s="4" t="s">
        <v>475</v>
      </c>
      <c r="B291" s="4" t="s">
        <v>849</v>
      </c>
      <c r="C291" s="4" t="s">
        <v>850</v>
      </c>
      <c r="D291" s="4"/>
      <c r="E291">
        <v>7</v>
      </c>
    </row>
    <row r="292" spans="1:5" x14ac:dyDescent="0.2">
      <c r="A292" s="4" t="s">
        <v>311</v>
      </c>
      <c r="B292" s="4" t="s">
        <v>851</v>
      </c>
      <c r="C292" s="4" t="s">
        <v>852</v>
      </c>
      <c r="D292" s="4" t="s">
        <v>853</v>
      </c>
      <c r="E292">
        <v>8</v>
      </c>
    </row>
    <row r="293" spans="1:5" x14ac:dyDescent="0.2">
      <c r="A293" s="4" t="s">
        <v>70</v>
      </c>
      <c r="B293" s="4" t="s">
        <v>854</v>
      </c>
      <c r="C293" s="4" t="s">
        <v>855</v>
      </c>
      <c r="D293" s="4" t="s">
        <v>856</v>
      </c>
      <c r="E293">
        <v>9</v>
      </c>
    </row>
    <row r="294" spans="1:5" x14ac:dyDescent="0.2">
      <c r="A294" s="4" t="s">
        <v>2</v>
      </c>
      <c r="B294" s="4" t="s">
        <v>857</v>
      </c>
      <c r="C294" s="4" t="s">
        <v>858</v>
      </c>
      <c r="D294" s="4"/>
      <c r="E294">
        <v>10</v>
      </c>
    </row>
    <row r="296" spans="1:5" x14ac:dyDescent="0.2">
      <c r="A296" s="11" t="s">
        <v>476</v>
      </c>
      <c r="B296" s="5"/>
      <c r="C296" s="12" t="s">
        <v>1</v>
      </c>
    </row>
    <row r="297" spans="1:5" x14ac:dyDescent="0.2">
      <c r="A297" s="3" t="s">
        <v>199</v>
      </c>
      <c r="B297" s="3" t="s">
        <v>477</v>
      </c>
      <c r="C297" s="3">
        <v>1</v>
      </c>
    </row>
    <row r="298" spans="1:5" x14ac:dyDescent="0.2">
      <c r="A298" s="4" t="s">
        <v>84</v>
      </c>
      <c r="B298" s="4" t="s">
        <v>478</v>
      </c>
      <c r="C298" s="4">
        <v>2</v>
      </c>
    </row>
    <row r="299" spans="1:5" x14ac:dyDescent="0.2">
      <c r="A299" s="4" t="s">
        <v>164</v>
      </c>
      <c r="B299" s="4" t="s">
        <v>479</v>
      </c>
      <c r="C299" s="4">
        <v>3</v>
      </c>
    </row>
    <row r="300" spans="1:5" x14ac:dyDescent="0.2">
      <c r="A300" s="4" t="s">
        <v>480</v>
      </c>
      <c r="B300" s="4" t="s">
        <v>481</v>
      </c>
      <c r="C300" s="4">
        <v>4</v>
      </c>
    </row>
    <row r="301" spans="1:5" x14ac:dyDescent="0.2">
      <c r="A301" s="4" t="s">
        <v>42</v>
      </c>
      <c r="B301" s="4" t="s">
        <v>482</v>
      </c>
      <c r="C301" s="4">
        <v>5</v>
      </c>
    </row>
    <row r="302" spans="1:5" x14ac:dyDescent="0.2">
      <c r="A302" s="4" t="s">
        <v>56</v>
      </c>
      <c r="B302" s="4" t="s">
        <v>483</v>
      </c>
      <c r="C302" s="4">
        <v>6</v>
      </c>
    </row>
    <row r="303" spans="1:5" x14ac:dyDescent="0.2">
      <c r="A303" s="3" t="s">
        <v>347</v>
      </c>
      <c r="B303" s="3" t="s">
        <v>484</v>
      </c>
      <c r="C303" s="3">
        <v>7</v>
      </c>
    </row>
    <row r="304" spans="1:5" x14ac:dyDescent="0.2">
      <c r="A304" s="4" t="s">
        <v>384</v>
      </c>
      <c r="B304" s="4" t="s">
        <v>485</v>
      </c>
      <c r="C304" s="4">
        <v>8</v>
      </c>
    </row>
    <row r="305" spans="1:4" x14ac:dyDescent="0.2">
      <c r="A305" s="4" t="s">
        <v>107</v>
      </c>
      <c r="B305" s="4" t="s">
        <v>486</v>
      </c>
      <c r="C305" s="4">
        <v>9</v>
      </c>
    </row>
    <row r="306" spans="1:4" x14ac:dyDescent="0.2">
      <c r="A306" s="4" t="s">
        <v>487</v>
      </c>
      <c r="B306" s="4" t="s">
        <v>488</v>
      </c>
      <c r="C306" s="4">
        <v>10</v>
      </c>
    </row>
    <row r="307" spans="1:4" x14ac:dyDescent="0.2">
      <c r="A307" s="8"/>
      <c r="B307" s="8"/>
    </row>
    <row r="308" spans="1:4" x14ac:dyDescent="0.2">
      <c r="A308" s="5" t="s">
        <v>489</v>
      </c>
      <c r="B308" s="5"/>
      <c r="C308" s="5"/>
      <c r="D308" s="2" t="s">
        <v>1</v>
      </c>
    </row>
    <row r="309" spans="1:4" x14ac:dyDescent="0.2">
      <c r="A309" s="4" t="s">
        <v>227</v>
      </c>
      <c r="B309" s="4" t="s">
        <v>490</v>
      </c>
      <c r="C309" s="4" t="s">
        <v>491</v>
      </c>
      <c r="D309">
        <v>1</v>
      </c>
    </row>
    <row r="310" spans="1:4" x14ac:dyDescent="0.2">
      <c r="A310" s="4" t="s">
        <v>492</v>
      </c>
      <c r="B310" s="4" t="s">
        <v>493</v>
      </c>
      <c r="C310" s="4" t="s">
        <v>494</v>
      </c>
      <c r="D310">
        <v>2</v>
      </c>
    </row>
    <row r="311" spans="1:4" x14ac:dyDescent="0.2">
      <c r="A311" s="4" t="s">
        <v>480</v>
      </c>
      <c r="B311" s="4" t="s">
        <v>303</v>
      </c>
      <c r="C311" s="4" t="s">
        <v>495</v>
      </c>
      <c r="D311">
        <v>3</v>
      </c>
    </row>
    <row r="312" spans="1:4" x14ac:dyDescent="0.2">
      <c r="A312" s="4" t="s">
        <v>68</v>
      </c>
      <c r="B312" s="4" t="s">
        <v>496</v>
      </c>
      <c r="C312" s="4" t="s">
        <v>497</v>
      </c>
      <c r="D312">
        <v>4</v>
      </c>
    </row>
    <row r="313" spans="1:4" x14ac:dyDescent="0.2">
      <c r="A313" s="4" t="s">
        <v>2</v>
      </c>
      <c r="B313" s="4" t="s">
        <v>400</v>
      </c>
      <c r="C313" s="4" t="s">
        <v>498</v>
      </c>
      <c r="D313">
        <v>5</v>
      </c>
    </row>
    <row r="314" spans="1:4" x14ac:dyDescent="0.2">
      <c r="A314" s="4" t="s">
        <v>78</v>
      </c>
      <c r="B314" s="4" t="s">
        <v>499</v>
      </c>
      <c r="C314" s="4" t="s">
        <v>500</v>
      </c>
      <c r="D314">
        <v>6</v>
      </c>
    </row>
    <row r="315" spans="1:4" x14ac:dyDescent="0.2">
      <c r="A315" s="4" t="s">
        <v>196</v>
      </c>
      <c r="B315" s="4" t="s">
        <v>501</v>
      </c>
      <c r="C315" s="4" t="s">
        <v>502</v>
      </c>
      <c r="D315">
        <v>7</v>
      </c>
    </row>
    <row r="316" spans="1:4" x14ac:dyDescent="0.2">
      <c r="A316" s="4" t="s">
        <v>393</v>
      </c>
      <c r="B316" s="4" t="s">
        <v>503</v>
      </c>
      <c r="C316" s="4" t="s">
        <v>504</v>
      </c>
      <c r="D316">
        <v>8</v>
      </c>
    </row>
    <row r="317" spans="1:4" x14ac:dyDescent="0.2">
      <c r="A317" s="4" t="s">
        <v>505</v>
      </c>
      <c r="B317" s="4" t="s">
        <v>105</v>
      </c>
      <c r="C317" s="4" t="s">
        <v>506</v>
      </c>
      <c r="D317">
        <v>9</v>
      </c>
    </row>
    <row r="318" spans="1:4" x14ac:dyDescent="0.2">
      <c r="A318" s="4" t="s">
        <v>164</v>
      </c>
      <c r="B318" s="4" t="s">
        <v>507</v>
      </c>
      <c r="C318" s="4" t="s">
        <v>508</v>
      </c>
      <c r="D318">
        <v>10</v>
      </c>
    </row>
    <row r="320" spans="1:4" x14ac:dyDescent="0.2">
      <c r="A320" s="5" t="s">
        <v>509</v>
      </c>
      <c r="B320" s="5"/>
      <c r="C320" s="5"/>
      <c r="D320" s="2" t="s">
        <v>1</v>
      </c>
    </row>
    <row r="321" spans="1:4" x14ac:dyDescent="0.2">
      <c r="A321" s="4" t="s">
        <v>144</v>
      </c>
      <c r="B321" s="4" t="s">
        <v>194</v>
      </c>
      <c r="C321" s="4" t="s">
        <v>413</v>
      </c>
      <c r="D321">
        <v>1</v>
      </c>
    </row>
    <row r="322" spans="1:4" x14ac:dyDescent="0.2">
      <c r="A322" s="4" t="s">
        <v>42</v>
      </c>
      <c r="B322" s="4" t="s">
        <v>43</v>
      </c>
      <c r="C322" s="4" t="s">
        <v>510</v>
      </c>
      <c r="D322">
        <v>2</v>
      </c>
    </row>
    <row r="323" spans="1:4" x14ac:dyDescent="0.2">
      <c r="A323" s="4" t="s">
        <v>2</v>
      </c>
      <c r="B323" s="4" t="s">
        <v>511</v>
      </c>
      <c r="C323" s="4" t="s">
        <v>512</v>
      </c>
      <c r="D323">
        <v>3</v>
      </c>
    </row>
    <row r="324" spans="1:4" x14ac:dyDescent="0.2">
      <c r="A324" s="4" t="s">
        <v>149</v>
      </c>
      <c r="B324" s="4" t="s">
        <v>268</v>
      </c>
      <c r="C324" s="4" t="s">
        <v>513</v>
      </c>
      <c r="D324">
        <v>4</v>
      </c>
    </row>
    <row r="325" spans="1:4" x14ac:dyDescent="0.2">
      <c r="A325" s="4" t="s">
        <v>2</v>
      </c>
      <c r="B325" s="4" t="s">
        <v>514</v>
      </c>
      <c r="C325" s="4" t="s">
        <v>515</v>
      </c>
      <c r="D325">
        <v>5</v>
      </c>
    </row>
    <row r="326" spans="1:4" x14ac:dyDescent="0.2">
      <c r="A326" s="4" t="s">
        <v>60</v>
      </c>
      <c r="B326" s="4" t="s">
        <v>516</v>
      </c>
      <c r="C326" s="4" t="s">
        <v>517</v>
      </c>
      <c r="D326">
        <v>6</v>
      </c>
    </row>
    <row r="327" spans="1:4" x14ac:dyDescent="0.2">
      <c r="A327" s="4" t="s">
        <v>384</v>
      </c>
      <c r="B327" s="4" t="s">
        <v>518</v>
      </c>
      <c r="C327" s="4" t="s">
        <v>519</v>
      </c>
      <c r="D327">
        <v>7</v>
      </c>
    </row>
    <row r="328" spans="1:4" x14ac:dyDescent="0.2">
      <c r="A328" s="4" t="s">
        <v>11</v>
      </c>
      <c r="B328" s="4" t="s">
        <v>520</v>
      </c>
      <c r="C328" s="4" t="s">
        <v>521</v>
      </c>
      <c r="D328">
        <v>8</v>
      </c>
    </row>
    <row r="329" spans="1:4" x14ac:dyDescent="0.2">
      <c r="A329" s="4" t="s">
        <v>522</v>
      </c>
      <c r="B329" s="4" t="s">
        <v>523</v>
      </c>
      <c r="C329" s="4" t="s">
        <v>524</v>
      </c>
      <c r="D329">
        <v>9</v>
      </c>
    </row>
    <row r="330" spans="1:4" x14ac:dyDescent="0.2">
      <c r="A330" s="4" t="s">
        <v>525</v>
      </c>
      <c r="B330" s="4" t="s">
        <v>526</v>
      </c>
      <c r="C330" s="4" t="s">
        <v>527</v>
      </c>
      <c r="D330">
        <v>10</v>
      </c>
    </row>
    <row r="332" spans="1:4" x14ac:dyDescent="0.2">
      <c r="A332" s="5" t="s">
        <v>528</v>
      </c>
      <c r="B332" s="5"/>
      <c r="C332" s="5"/>
      <c r="D332" s="2" t="s">
        <v>1</v>
      </c>
    </row>
    <row r="333" spans="1:4" x14ac:dyDescent="0.2">
      <c r="A333" s="4" t="s">
        <v>21</v>
      </c>
      <c r="B333" s="4" t="s">
        <v>529</v>
      </c>
      <c r="C333" s="4" t="s">
        <v>530</v>
      </c>
      <c r="D333">
        <v>1</v>
      </c>
    </row>
    <row r="334" spans="1:4" x14ac:dyDescent="0.2">
      <c r="A334" s="4" t="s">
        <v>50</v>
      </c>
      <c r="B334" s="4" t="s">
        <v>531</v>
      </c>
      <c r="C334" s="4" t="s">
        <v>532</v>
      </c>
      <c r="D334">
        <v>2</v>
      </c>
    </row>
    <row r="335" spans="1:4" x14ac:dyDescent="0.2">
      <c r="A335" s="4" t="s">
        <v>2</v>
      </c>
      <c r="B335" s="4" t="s">
        <v>533</v>
      </c>
      <c r="C335" s="4" t="s">
        <v>534</v>
      </c>
      <c r="D335">
        <v>3</v>
      </c>
    </row>
    <row r="336" spans="1:4" x14ac:dyDescent="0.2">
      <c r="A336" s="4" t="s">
        <v>62</v>
      </c>
      <c r="B336" s="4" t="s">
        <v>535</v>
      </c>
      <c r="C336" s="4" t="s">
        <v>536</v>
      </c>
      <c r="D336">
        <v>4</v>
      </c>
    </row>
    <row r="337" spans="1:4" x14ac:dyDescent="0.2">
      <c r="A337" s="4" t="s">
        <v>537</v>
      </c>
      <c r="B337" s="4" t="s">
        <v>538</v>
      </c>
      <c r="C337" s="4" t="s">
        <v>395</v>
      </c>
      <c r="D337">
        <v>5</v>
      </c>
    </row>
    <row r="338" spans="1:4" x14ac:dyDescent="0.2">
      <c r="A338" s="4" t="s">
        <v>539</v>
      </c>
      <c r="B338" s="4" t="s">
        <v>540</v>
      </c>
      <c r="C338" s="4" t="s">
        <v>541</v>
      </c>
      <c r="D338">
        <v>6</v>
      </c>
    </row>
    <row r="339" spans="1:4" x14ac:dyDescent="0.2">
      <c r="A339" s="4" t="s">
        <v>149</v>
      </c>
      <c r="B339" s="4" t="s">
        <v>542</v>
      </c>
      <c r="C339" s="4" t="s">
        <v>543</v>
      </c>
      <c r="D339">
        <v>7</v>
      </c>
    </row>
    <row r="340" spans="1:4" x14ac:dyDescent="0.2">
      <c r="A340" s="4" t="s">
        <v>181</v>
      </c>
      <c r="B340" s="4" t="s">
        <v>383</v>
      </c>
      <c r="C340" s="4" t="s">
        <v>544</v>
      </c>
      <c r="D340">
        <v>8</v>
      </c>
    </row>
    <row r="341" spans="1:4" x14ac:dyDescent="0.2">
      <c r="A341" s="4" t="s">
        <v>2</v>
      </c>
      <c r="B341" s="4" t="s">
        <v>545</v>
      </c>
      <c r="C341" s="4" t="s">
        <v>546</v>
      </c>
      <c r="D341">
        <v>9</v>
      </c>
    </row>
    <row r="342" spans="1:4" x14ac:dyDescent="0.2">
      <c r="A342" s="4" t="s">
        <v>87</v>
      </c>
      <c r="B342" s="4" t="s">
        <v>262</v>
      </c>
      <c r="C342" s="4" t="s">
        <v>490</v>
      </c>
      <c r="D342">
        <v>10</v>
      </c>
    </row>
    <row r="344" spans="1:4" x14ac:dyDescent="0.2">
      <c r="A344" s="5" t="s">
        <v>547</v>
      </c>
      <c r="B344" s="5"/>
      <c r="C344" s="5"/>
      <c r="D344" s="2" t="s">
        <v>1</v>
      </c>
    </row>
    <row r="345" spans="1:4" x14ac:dyDescent="0.2">
      <c r="A345" s="4" t="s">
        <v>2</v>
      </c>
      <c r="B345" s="4" t="s">
        <v>548</v>
      </c>
      <c r="C345" s="4" t="s">
        <v>549</v>
      </c>
      <c r="D345">
        <v>1</v>
      </c>
    </row>
    <row r="346" spans="1:4" x14ac:dyDescent="0.2">
      <c r="A346" s="4" t="s">
        <v>11</v>
      </c>
      <c r="B346" s="4" t="s">
        <v>255</v>
      </c>
      <c r="C346" s="4" t="s">
        <v>550</v>
      </c>
      <c r="D346">
        <v>2</v>
      </c>
    </row>
    <row r="347" spans="1:4" x14ac:dyDescent="0.2">
      <c r="A347" s="4" t="s">
        <v>138</v>
      </c>
      <c r="B347" s="4" t="s">
        <v>551</v>
      </c>
      <c r="C347" s="4" t="s">
        <v>147</v>
      </c>
      <c r="D347">
        <v>3</v>
      </c>
    </row>
    <row r="348" spans="1:4" x14ac:dyDescent="0.2">
      <c r="A348" s="4" t="s">
        <v>475</v>
      </c>
      <c r="B348" s="4" t="s">
        <v>194</v>
      </c>
      <c r="C348" s="4" t="s">
        <v>34</v>
      </c>
      <c r="D348">
        <v>4</v>
      </c>
    </row>
    <row r="349" spans="1:4" x14ac:dyDescent="0.2">
      <c r="A349" s="4" t="s">
        <v>349</v>
      </c>
      <c r="B349" s="4" t="s">
        <v>281</v>
      </c>
      <c r="C349" s="4" t="s">
        <v>552</v>
      </c>
      <c r="D349">
        <v>5</v>
      </c>
    </row>
    <row r="350" spans="1:4" x14ac:dyDescent="0.2">
      <c r="A350" s="4" t="s">
        <v>553</v>
      </c>
      <c r="B350" s="4" t="s">
        <v>554</v>
      </c>
      <c r="C350" s="4" t="s">
        <v>555</v>
      </c>
      <c r="D350">
        <v>6</v>
      </c>
    </row>
    <row r="351" spans="1:4" x14ac:dyDescent="0.2">
      <c r="A351" s="4" t="s">
        <v>556</v>
      </c>
      <c r="B351" s="4" t="s">
        <v>268</v>
      </c>
      <c r="C351" s="4" t="s">
        <v>557</v>
      </c>
      <c r="D351">
        <v>7</v>
      </c>
    </row>
    <row r="352" spans="1:4" x14ac:dyDescent="0.2">
      <c r="A352" s="4" t="s">
        <v>434</v>
      </c>
      <c r="B352" s="4" t="s">
        <v>558</v>
      </c>
      <c r="C352" s="4" t="s">
        <v>559</v>
      </c>
      <c r="D352">
        <v>8</v>
      </c>
    </row>
    <row r="353" spans="1:4" x14ac:dyDescent="0.2">
      <c r="A353" s="4" t="s">
        <v>560</v>
      </c>
      <c r="B353" s="4" t="s">
        <v>561</v>
      </c>
      <c r="C353" s="4" t="s">
        <v>493</v>
      </c>
      <c r="D353">
        <v>9</v>
      </c>
    </row>
    <row r="354" spans="1:4" x14ac:dyDescent="0.2">
      <c r="A354" s="4" t="s">
        <v>349</v>
      </c>
      <c r="B354" s="4" t="s">
        <v>95</v>
      </c>
      <c r="C354" s="4" t="s">
        <v>562</v>
      </c>
      <c r="D354">
        <v>10</v>
      </c>
    </row>
    <row r="356" spans="1:4" x14ac:dyDescent="0.2">
      <c r="A356" s="5" t="s">
        <v>563</v>
      </c>
      <c r="B356" s="5"/>
      <c r="C356" s="5"/>
      <c r="D356" s="2" t="s">
        <v>1</v>
      </c>
    </row>
    <row r="357" spans="1:4" x14ac:dyDescent="0.2">
      <c r="A357" s="4" t="s">
        <v>60</v>
      </c>
      <c r="B357" s="4" t="s">
        <v>249</v>
      </c>
      <c r="C357" s="4" t="s">
        <v>564</v>
      </c>
      <c r="D357" s="3">
        <v>1</v>
      </c>
    </row>
    <row r="358" spans="1:4" x14ac:dyDescent="0.2">
      <c r="A358" s="4" t="s">
        <v>273</v>
      </c>
      <c r="B358" s="4" t="s">
        <v>565</v>
      </c>
      <c r="C358" s="4" t="s">
        <v>566</v>
      </c>
      <c r="D358" s="3">
        <v>2</v>
      </c>
    </row>
    <row r="359" spans="1:4" x14ac:dyDescent="0.2">
      <c r="A359" s="4" t="s">
        <v>567</v>
      </c>
      <c r="B359" s="4" t="s">
        <v>220</v>
      </c>
      <c r="C359" s="4" t="s">
        <v>568</v>
      </c>
      <c r="D359" s="3">
        <v>3</v>
      </c>
    </row>
    <row r="360" spans="1:4" x14ac:dyDescent="0.2">
      <c r="A360" s="4" t="s">
        <v>64</v>
      </c>
      <c r="B360" s="4" t="s">
        <v>569</v>
      </c>
      <c r="C360" s="4" t="s">
        <v>570</v>
      </c>
      <c r="D360" s="3">
        <v>4</v>
      </c>
    </row>
    <row r="361" spans="1:4" x14ac:dyDescent="0.2">
      <c r="A361" s="4" t="s">
        <v>560</v>
      </c>
      <c r="B361" s="4" t="s">
        <v>571</v>
      </c>
      <c r="C361" s="4" t="s">
        <v>572</v>
      </c>
      <c r="D361" s="3">
        <v>5</v>
      </c>
    </row>
    <row r="362" spans="1:4" x14ac:dyDescent="0.2">
      <c r="A362" s="4" t="s">
        <v>64</v>
      </c>
      <c r="B362" s="4" t="s">
        <v>211</v>
      </c>
      <c r="C362" s="4" t="s">
        <v>573</v>
      </c>
      <c r="D362" s="3">
        <v>6</v>
      </c>
    </row>
    <row r="363" spans="1:4" x14ac:dyDescent="0.2">
      <c r="A363" s="4" t="s">
        <v>574</v>
      </c>
      <c r="B363" s="4" t="s">
        <v>79</v>
      </c>
      <c r="C363" s="4" t="s">
        <v>575</v>
      </c>
      <c r="D363" s="3">
        <v>7</v>
      </c>
    </row>
    <row r="364" spans="1:4" x14ac:dyDescent="0.2">
      <c r="A364" s="4" t="s">
        <v>560</v>
      </c>
      <c r="B364" s="4" t="s">
        <v>220</v>
      </c>
      <c r="C364" s="4" t="s">
        <v>576</v>
      </c>
      <c r="D364" s="3">
        <v>8</v>
      </c>
    </row>
    <row r="365" spans="1:4" x14ac:dyDescent="0.2">
      <c r="A365" s="4" t="s">
        <v>560</v>
      </c>
      <c r="B365" s="4" t="s">
        <v>113</v>
      </c>
      <c r="C365" s="4" t="s">
        <v>577</v>
      </c>
      <c r="D365" s="3">
        <v>9</v>
      </c>
    </row>
    <row r="366" spans="1:4" x14ac:dyDescent="0.2">
      <c r="A366" s="4" t="s">
        <v>349</v>
      </c>
      <c r="B366" s="4" t="s">
        <v>578</v>
      </c>
      <c r="C366" s="4" t="s">
        <v>579</v>
      </c>
      <c r="D366" s="3">
        <v>10</v>
      </c>
    </row>
    <row r="368" spans="1:4" x14ac:dyDescent="0.2">
      <c r="A368" s="11" t="s">
        <v>580</v>
      </c>
      <c r="B368" s="11"/>
      <c r="C368" s="2" t="s">
        <v>1</v>
      </c>
    </row>
    <row r="369" spans="1:3" x14ac:dyDescent="0.2">
      <c r="A369" s="3" t="s">
        <v>64</v>
      </c>
      <c r="B369" s="3" t="s">
        <v>581</v>
      </c>
      <c r="C369">
        <v>1</v>
      </c>
    </row>
    <row r="370" spans="1:3" x14ac:dyDescent="0.2">
      <c r="A370" s="4" t="s">
        <v>2</v>
      </c>
      <c r="B370" s="4" t="s">
        <v>582</v>
      </c>
      <c r="C370">
        <v>2</v>
      </c>
    </row>
    <row r="371" spans="1:3" x14ac:dyDescent="0.2">
      <c r="A371" s="4" t="s">
        <v>583</v>
      </c>
      <c r="B371" s="4" t="s">
        <v>584</v>
      </c>
      <c r="C371">
        <v>3</v>
      </c>
    </row>
    <row r="372" spans="1:3" x14ac:dyDescent="0.2">
      <c r="A372" s="4" t="s">
        <v>286</v>
      </c>
      <c r="B372" s="4" t="s">
        <v>585</v>
      </c>
      <c r="C372">
        <v>4</v>
      </c>
    </row>
    <row r="373" spans="1:3" x14ac:dyDescent="0.2">
      <c r="A373" s="4" t="s">
        <v>60</v>
      </c>
      <c r="B373" s="4" t="s">
        <v>586</v>
      </c>
      <c r="C373">
        <v>5</v>
      </c>
    </row>
    <row r="374" spans="1:3" x14ac:dyDescent="0.2">
      <c r="A374" s="4" t="s">
        <v>2</v>
      </c>
      <c r="B374" s="4" t="s">
        <v>587</v>
      </c>
      <c r="C374">
        <v>6</v>
      </c>
    </row>
    <row r="375" spans="1:3" x14ac:dyDescent="0.2">
      <c r="A375" s="4" t="s">
        <v>393</v>
      </c>
      <c r="B375" s="4" t="s">
        <v>588</v>
      </c>
      <c r="C375">
        <v>7</v>
      </c>
    </row>
    <row r="376" spans="1:3" x14ac:dyDescent="0.2">
      <c r="A376" s="4" t="s">
        <v>104</v>
      </c>
      <c r="B376" s="4" t="s">
        <v>589</v>
      </c>
      <c r="C376">
        <v>8</v>
      </c>
    </row>
    <row r="377" spans="1:3" x14ac:dyDescent="0.2">
      <c r="A377" s="4" t="s">
        <v>160</v>
      </c>
      <c r="B377" s="4" t="s">
        <v>590</v>
      </c>
      <c r="C377">
        <v>9</v>
      </c>
    </row>
    <row r="378" spans="1:3" x14ac:dyDescent="0.2">
      <c r="A378" s="4" t="s">
        <v>591</v>
      </c>
      <c r="B378" s="4" t="s">
        <v>592</v>
      </c>
      <c r="C378">
        <v>10</v>
      </c>
    </row>
    <row r="380" spans="1:3" x14ac:dyDescent="0.2">
      <c r="A380" s="5" t="s">
        <v>593</v>
      </c>
      <c r="B380" s="5"/>
      <c r="C380" s="2" t="s">
        <v>1</v>
      </c>
    </row>
    <row r="381" spans="1:3" x14ac:dyDescent="0.2">
      <c r="A381" s="4" t="s">
        <v>286</v>
      </c>
      <c r="B381" s="4" t="s">
        <v>594</v>
      </c>
      <c r="C381" s="3">
        <v>1</v>
      </c>
    </row>
    <row r="382" spans="1:3" x14ac:dyDescent="0.2">
      <c r="A382" s="4" t="s">
        <v>62</v>
      </c>
      <c r="B382" s="4" t="s">
        <v>595</v>
      </c>
      <c r="C382" s="3">
        <v>2</v>
      </c>
    </row>
    <row r="383" spans="1:3" x14ac:dyDescent="0.2">
      <c r="A383" s="4" t="s">
        <v>64</v>
      </c>
      <c r="B383" s="4" t="s">
        <v>596</v>
      </c>
      <c r="C383" s="3">
        <v>3</v>
      </c>
    </row>
    <row r="384" spans="1:3" x14ac:dyDescent="0.2">
      <c r="A384" s="4" t="s">
        <v>597</v>
      </c>
      <c r="B384" s="4" t="s">
        <v>598</v>
      </c>
      <c r="C384" s="3">
        <v>4</v>
      </c>
    </row>
    <row r="385" spans="1:3" x14ac:dyDescent="0.2">
      <c r="A385" s="4" t="s">
        <v>288</v>
      </c>
      <c r="B385" s="4" t="s">
        <v>599</v>
      </c>
      <c r="C385" s="3">
        <v>5</v>
      </c>
    </row>
    <row r="386" spans="1:3" x14ac:dyDescent="0.2">
      <c r="A386" s="4" t="s">
        <v>480</v>
      </c>
      <c r="B386" s="4" t="s">
        <v>600</v>
      </c>
      <c r="C386" s="3">
        <v>6</v>
      </c>
    </row>
    <row r="387" spans="1:3" x14ac:dyDescent="0.2">
      <c r="A387" s="4" t="s">
        <v>60</v>
      </c>
      <c r="B387" s="4" t="s">
        <v>601</v>
      </c>
      <c r="C387" s="3">
        <v>7</v>
      </c>
    </row>
    <row r="388" spans="1:3" x14ac:dyDescent="0.2">
      <c r="A388" s="4" t="s">
        <v>190</v>
      </c>
      <c r="B388" s="4" t="s">
        <v>602</v>
      </c>
      <c r="C388" s="3">
        <v>8</v>
      </c>
    </row>
    <row r="389" spans="1:3" x14ac:dyDescent="0.2">
      <c r="A389" s="4" t="s">
        <v>160</v>
      </c>
      <c r="B389" s="4" t="s">
        <v>603</v>
      </c>
      <c r="C389" s="3">
        <v>9</v>
      </c>
    </row>
    <row r="390" spans="1:3" x14ac:dyDescent="0.2">
      <c r="A390" s="4" t="s">
        <v>107</v>
      </c>
      <c r="B390" s="4" t="s">
        <v>604</v>
      </c>
      <c r="C390" s="3">
        <v>10</v>
      </c>
    </row>
    <row r="392" spans="1:3" x14ac:dyDescent="0.2">
      <c r="A392" s="5" t="s">
        <v>605</v>
      </c>
      <c r="B392" s="5"/>
      <c r="C392" s="2" t="s">
        <v>1</v>
      </c>
    </row>
    <row r="393" spans="1:3" x14ac:dyDescent="0.2">
      <c r="A393" s="4" t="s">
        <v>2</v>
      </c>
      <c r="B393" s="4" t="s">
        <v>606</v>
      </c>
      <c r="C393" s="4">
        <v>1</v>
      </c>
    </row>
    <row r="394" spans="1:3" x14ac:dyDescent="0.2">
      <c r="A394" s="4" t="s">
        <v>522</v>
      </c>
      <c r="B394" s="4" t="s">
        <v>607</v>
      </c>
      <c r="C394" s="4">
        <v>2</v>
      </c>
    </row>
    <row r="395" spans="1:3" x14ac:dyDescent="0.2">
      <c r="A395" s="4" t="s">
        <v>141</v>
      </c>
      <c r="B395" s="4" t="s">
        <v>608</v>
      </c>
      <c r="C395" s="4">
        <v>3</v>
      </c>
    </row>
    <row r="396" spans="1:3" x14ac:dyDescent="0.2">
      <c r="A396" s="4" t="s">
        <v>609</v>
      </c>
      <c r="B396" s="4" t="s">
        <v>610</v>
      </c>
      <c r="C396" s="4">
        <v>4</v>
      </c>
    </row>
    <row r="397" spans="1:3" x14ac:dyDescent="0.2">
      <c r="A397" s="4" t="s">
        <v>311</v>
      </c>
      <c r="B397" s="4" t="s">
        <v>611</v>
      </c>
      <c r="C397" s="4">
        <v>5</v>
      </c>
    </row>
    <row r="398" spans="1:3" x14ac:dyDescent="0.2">
      <c r="A398" s="4" t="s">
        <v>273</v>
      </c>
      <c r="B398" s="4" t="s">
        <v>612</v>
      </c>
      <c r="C398" s="4">
        <v>6</v>
      </c>
    </row>
    <row r="399" spans="1:3" x14ac:dyDescent="0.2">
      <c r="A399" s="4" t="s">
        <v>127</v>
      </c>
      <c r="B399" s="4" t="s">
        <v>613</v>
      </c>
      <c r="C399" s="4">
        <v>7</v>
      </c>
    </row>
    <row r="400" spans="1:3" ht="25.5" x14ac:dyDescent="0.2">
      <c r="A400" s="4" t="s">
        <v>375</v>
      </c>
      <c r="B400" s="4" t="s">
        <v>614</v>
      </c>
      <c r="C400" s="4">
        <v>8</v>
      </c>
    </row>
    <row r="401" spans="1:4" x14ac:dyDescent="0.2">
      <c r="A401" s="4" t="s">
        <v>615</v>
      </c>
      <c r="B401" s="4" t="s">
        <v>616</v>
      </c>
      <c r="C401" s="4">
        <v>9</v>
      </c>
    </row>
    <row r="402" spans="1:4" x14ac:dyDescent="0.2">
      <c r="A402" s="4" t="s">
        <v>487</v>
      </c>
      <c r="B402" s="4" t="s">
        <v>617</v>
      </c>
      <c r="C402" s="4">
        <v>10</v>
      </c>
    </row>
    <row r="404" spans="1:4" x14ac:dyDescent="0.2">
      <c r="A404" s="5" t="s">
        <v>618</v>
      </c>
      <c r="B404" s="5"/>
      <c r="C404" s="5"/>
      <c r="D404" s="2" t="s">
        <v>1</v>
      </c>
    </row>
    <row r="405" spans="1:4" x14ac:dyDescent="0.2">
      <c r="A405" s="4" t="s">
        <v>5</v>
      </c>
      <c r="B405" s="4" t="s">
        <v>619</v>
      </c>
      <c r="C405" s="4" t="s">
        <v>620</v>
      </c>
      <c r="D405">
        <v>1</v>
      </c>
    </row>
    <row r="406" spans="1:4" x14ac:dyDescent="0.2">
      <c r="A406" s="4" t="s">
        <v>39</v>
      </c>
      <c r="B406" s="4" t="s">
        <v>621</v>
      </c>
      <c r="C406" s="4" t="s">
        <v>622</v>
      </c>
      <c r="D406">
        <v>2</v>
      </c>
    </row>
    <row r="407" spans="1:4" x14ac:dyDescent="0.2">
      <c r="A407" s="4" t="s">
        <v>237</v>
      </c>
      <c r="B407" s="4" t="s">
        <v>623</v>
      </c>
      <c r="C407" s="4" t="s">
        <v>624</v>
      </c>
      <c r="D407">
        <v>3</v>
      </c>
    </row>
    <row r="408" spans="1:4" x14ac:dyDescent="0.2">
      <c r="A408" s="4" t="s">
        <v>178</v>
      </c>
      <c r="B408" s="4" t="s">
        <v>625</v>
      </c>
      <c r="C408" s="4" t="s">
        <v>626</v>
      </c>
      <c r="D408">
        <v>4</v>
      </c>
    </row>
    <row r="409" spans="1:4" x14ac:dyDescent="0.2">
      <c r="A409" s="4" t="s">
        <v>87</v>
      </c>
      <c r="B409" s="4" t="s">
        <v>627</v>
      </c>
      <c r="C409" s="4" t="s">
        <v>628</v>
      </c>
      <c r="D409">
        <v>5</v>
      </c>
    </row>
    <row r="410" spans="1:4" x14ac:dyDescent="0.2">
      <c r="A410" s="4" t="s">
        <v>372</v>
      </c>
      <c r="B410" s="4" t="s">
        <v>629</v>
      </c>
      <c r="C410" s="4" t="s">
        <v>630</v>
      </c>
      <c r="D410">
        <v>6</v>
      </c>
    </row>
    <row r="411" spans="1:4" x14ac:dyDescent="0.2">
      <c r="A411" s="4" t="s">
        <v>631</v>
      </c>
      <c r="B411" s="4" t="s">
        <v>632</v>
      </c>
      <c r="C411" s="4" t="s">
        <v>633</v>
      </c>
      <c r="D411">
        <v>7</v>
      </c>
    </row>
    <row r="412" spans="1:4" x14ac:dyDescent="0.2">
      <c r="A412" s="4" t="s">
        <v>66</v>
      </c>
      <c r="B412" s="4" t="s">
        <v>634</v>
      </c>
      <c r="C412" s="4" t="s">
        <v>635</v>
      </c>
      <c r="D412">
        <v>8</v>
      </c>
    </row>
    <row r="413" spans="1:4" x14ac:dyDescent="0.2">
      <c r="A413" s="4" t="s">
        <v>636</v>
      </c>
      <c r="B413" s="4" t="s">
        <v>499</v>
      </c>
      <c r="C413" s="4" t="s">
        <v>637</v>
      </c>
      <c r="D413">
        <v>9</v>
      </c>
    </row>
    <row r="414" spans="1:4" x14ac:dyDescent="0.2">
      <c r="A414" s="4" t="s">
        <v>5</v>
      </c>
      <c r="B414" s="4" t="s">
        <v>43</v>
      </c>
      <c r="C414" s="4" t="s">
        <v>638</v>
      </c>
      <c r="D414">
        <v>10</v>
      </c>
    </row>
    <row r="416" spans="1:4" x14ac:dyDescent="0.2">
      <c r="A416" s="5" t="s">
        <v>639</v>
      </c>
      <c r="B416" s="5"/>
      <c r="C416" s="2" t="s">
        <v>1</v>
      </c>
      <c r="D416" s="5"/>
    </row>
    <row r="417" spans="1:3" x14ac:dyDescent="0.2">
      <c r="A417" s="3" t="s">
        <v>2</v>
      </c>
      <c r="B417" s="3" t="s">
        <v>640</v>
      </c>
      <c r="C417">
        <v>1</v>
      </c>
    </row>
    <row r="418" spans="1:3" x14ac:dyDescent="0.2">
      <c r="A418" s="3" t="s">
        <v>480</v>
      </c>
      <c r="B418" s="3" t="s">
        <v>641</v>
      </c>
      <c r="C418">
        <v>2</v>
      </c>
    </row>
    <row r="419" spans="1:3" x14ac:dyDescent="0.2">
      <c r="A419" s="4" t="s">
        <v>64</v>
      </c>
      <c r="B419" s="4" t="s">
        <v>642</v>
      </c>
      <c r="C419">
        <v>3</v>
      </c>
    </row>
    <row r="420" spans="1:3" x14ac:dyDescent="0.2">
      <c r="A420" s="4" t="s">
        <v>21</v>
      </c>
      <c r="B420" s="4" t="s">
        <v>643</v>
      </c>
      <c r="C420">
        <v>4</v>
      </c>
    </row>
    <row r="421" spans="1:3" x14ac:dyDescent="0.2">
      <c r="A421" s="4" t="s">
        <v>644</v>
      </c>
      <c r="B421" s="4" t="s">
        <v>645</v>
      </c>
      <c r="C421">
        <v>5</v>
      </c>
    </row>
    <row r="422" spans="1:3" x14ac:dyDescent="0.2">
      <c r="A422" s="4" t="s">
        <v>286</v>
      </c>
      <c r="B422" s="4" t="s">
        <v>646</v>
      </c>
      <c r="C422">
        <v>6</v>
      </c>
    </row>
    <row r="423" spans="1:3" x14ac:dyDescent="0.2">
      <c r="A423" s="4" t="s">
        <v>647</v>
      </c>
      <c r="B423" s="4" t="s">
        <v>648</v>
      </c>
      <c r="C423">
        <v>7</v>
      </c>
    </row>
    <row r="424" spans="1:3" x14ac:dyDescent="0.2">
      <c r="A424" s="4" t="s">
        <v>649</v>
      </c>
      <c r="B424" s="4" t="s">
        <v>650</v>
      </c>
      <c r="C424">
        <v>8</v>
      </c>
    </row>
    <row r="425" spans="1:3" x14ac:dyDescent="0.2">
      <c r="A425" s="4" t="s">
        <v>294</v>
      </c>
      <c r="B425" s="4" t="s">
        <v>651</v>
      </c>
      <c r="C425">
        <v>9</v>
      </c>
    </row>
    <row r="426" spans="1:3" x14ac:dyDescent="0.2">
      <c r="A426" s="4" t="s">
        <v>426</v>
      </c>
      <c r="B426" s="4" t="s">
        <v>652</v>
      </c>
      <c r="C426">
        <v>10</v>
      </c>
    </row>
    <row r="428" spans="1:3" x14ac:dyDescent="0.2">
      <c r="A428" s="5" t="s">
        <v>653</v>
      </c>
      <c r="B428" s="5"/>
      <c r="C428" s="9" t="s">
        <v>1</v>
      </c>
    </row>
    <row r="429" spans="1:3" x14ac:dyDescent="0.2">
      <c r="A429" s="3" t="s">
        <v>2</v>
      </c>
      <c r="B429" s="3" t="s">
        <v>654</v>
      </c>
      <c r="C429" s="3">
        <v>1</v>
      </c>
    </row>
    <row r="430" spans="1:3" x14ac:dyDescent="0.2">
      <c r="A430" s="4" t="s">
        <v>73</v>
      </c>
      <c r="B430" s="4" t="s">
        <v>655</v>
      </c>
      <c r="C430" s="7">
        <v>2</v>
      </c>
    </row>
    <row r="431" spans="1:3" x14ac:dyDescent="0.2">
      <c r="A431" s="4" t="s">
        <v>656</v>
      </c>
      <c r="B431" s="4" t="s">
        <v>657</v>
      </c>
      <c r="C431">
        <v>3</v>
      </c>
    </row>
    <row r="432" spans="1:3" x14ac:dyDescent="0.2">
      <c r="A432" s="4" t="s">
        <v>487</v>
      </c>
      <c r="B432" s="4" t="s">
        <v>658</v>
      </c>
      <c r="C432" s="13">
        <v>4</v>
      </c>
    </row>
    <row r="433" spans="1:4" x14ac:dyDescent="0.2">
      <c r="A433" s="4" t="s">
        <v>68</v>
      </c>
      <c r="B433" s="4" t="s">
        <v>659</v>
      </c>
      <c r="C433" s="3">
        <v>5</v>
      </c>
    </row>
    <row r="434" spans="1:4" x14ac:dyDescent="0.2">
      <c r="A434" s="4" t="s">
        <v>567</v>
      </c>
      <c r="B434" s="4" t="s">
        <v>660</v>
      </c>
      <c r="C434">
        <v>6</v>
      </c>
    </row>
    <row r="435" spans="1:4" x14ac:dyDescent="0.2">
      <c r="A435" s="4" t="s">
        <v>649</v>
      </c>
      <c r="B435" s="4" t="s">
        <v>661</v>
      </c>
      <c r="C435">
        <v>7</v>
      </c>
    </row>
    <row r="436" spans="1:4" x14ac:dyDescent="0.2">
      <c r="A436" s="4" t="s">
        <v>199</v>
      </c>
      <c r="B436" s="4" t="s">
        <v>662</v>
      </c>
      <c r="C436" s="3">
        <v>8</v>
      </c>
    </row>
    <row r="437" spans="1:4" x14ac:dyDescent="0.2">
      <c r="A437" s="4" t="s">
        <v>196</v>
      </c>
      <c r="B437" s="4" t="s">
        <v>663</v>
      </c>
      <c r="C437" s="3">
        <v>9</v>
      </c>
    </row>
    <row r="438" spans="1:4" x14ac:dyDescent="0.2">
      <c r="A438" s="4" t="s">
        <v>664</v>
      </c>
      <c r="B438" s="4" t="s">
        <v>665</v>
      </c>
      <c r="C438" s="3">
        <v>10</v>
      </c>
    </row>
    <row r="440" spans="1:4" x14ac:dyDescent="0.2">
      <c r="A440" s="5" t="s">
        <v>666</v>
      </c>
      <c r="B440" s="5"/>
      <c r="C440" s="5"/>
      <c r="D440" s="5" t="s">
        <v>1</v>
      </c>
    </row>
    <row r="441" spans="1:4" x14ac:dyDescent="0.2">
      <c r="A441" s="4" t="s">
        <v>656</v>
      </c>
      <c r="B441" s="4" t="s">
        <v>101</v>
      </c>
      <c r="C441" s="4" t="s">
        <v>667</v>
      </c>
      <c r="D441">
        <v>1</v>
      </c>
    </row>
    <row r="442" spans="1:4" x14ac:dyDescent="0.2">
      <c r="A442" s="4" t="s">
        <v>60</v>
      </c>
      <c r="B442" s="4" t="s">
        <v>511</v>
      </c>
      <c r="C442" s="4" t="s">
        <v>450</v>
      </c>
      <c r="D442">
        <v>2</v>
      </c>
    </row>
    <row r="443" spans="1:4" x14ac:dyDescent="0.2">
      <c r="A443" s="4" t="s">
        <v>178</v>
      </c>
      <c r="B443" s="4" t="s">
        <v>12</v>
      </c>
      <c r="C443" s="4" t="s">
        <v>668</v>
      </c>
      <c r="D443">
        <v>3</v>
      </c>
    </row>
    <row r="444" spans="1:4" x14ac:dyDescent="0.2">
      <c r="A444" s="4" t="s">
        <v>60</v>
      </c>
      <c r="B444" s="4" t="s">
        <v>105</v>
      </c>
      <c r="C444" s="4" t="s">
        <v>669</v>
      </c>
      <c r="D444">
        <v>4</v>
      </c>
    </row>
    <row r="445" spans="1:4" x14ac:dyDescent="0.2">
      <c r="A445" s="4" t="s">
        <v>368</v>
      </c>
      <c r="B445" s="4" t="s">
        <v>670</v>
      </c>
      <c r="C445" s="4" t="s">
        <v>671</v>
      </c>
      <c r="D445">
        <v>5</v>
      </c>
    </row>
    <row r="446" spans="1:4" x14ac:dyDescent="0.2">
      <c r="A446" s="4" t="s">
        <v>345</v>
      </c>
      <c r="B446" s="4" t="s">
        <v>281</v>
      </c>
      <c r="C446" s="4" t="s">
        <v>672</v>
      </c>
      <c r="D446">
        <v>6</v>
      </c>
    </row>
    <row r="447" spans="1:4" x14ac:dyDescent="0.2">
      <c r="A447" s="4" t="s">
        <v>53</v>
      </c>
      <c r="B447" s="4" t="s">
        <v>113</v>
      </c>
      <c r="C447" s="4" t="s">
        <v>673</v>
      </c>
      <c r="D447">
        <v>7</v>
      </c>
    </row>
    <row r="448" spans="1:4" x14ac:dyDescent="0.2">
      <c r="A448" s="4" t="s">
        <v>426</v>
      </c>
      <c r="B448" s="4" t="s">
        <v>674</v>
      </c>
      <c r="C448" s="4" t="s">
        <v>675</v>
      </c>
      <c r="D448">
        <v>8</v>
      </c>
    </row>
    <row r="449" spans="1:4" x14ac:dyDescent="0.2">
      <c r="A449" s="4" t="s">
        <v>676</v>
      </c>
      <c r="B449" s="4" t="s">
        <v>677</v>
      </c>
      <c r="C449" s="4" t="s">
        <v>678</v>
      </c>
      <c r="D449">
        <v>9</v>
      </c>
    </row>
    <row r="450" spans="1:4" x14ac:dyDescent="0.2">
      <c r="A450" s="4" t="s">
        <v>2</v>
      </c>
      <c r="B450" s="4" t="s">
        <v>679</v>
      </c>
      <c r="C450" s="4" t="s">
        <v>680</v>
      </c>
      <c r="D450">
        <v>10</v>
      </c>
    </row>
    <row r="452" spans="1:4" x14ac:dyDescent="0.2">
      <c r="A452" s="5" t="s">
        <v>681</v>
      </c>
      <c r="B452" s="11"/>
      <c r="C452" s="5" t="s">
        <v>1</v>
      </c>
    </row>
    <row r="453" spans="1:4" x14ac:dyDescent="0.2">
      <c r="A453" s="14" t="s">
        <v>62</v>
      </c>
      <c r="B453" s="16" t="s">
        <v>682</v>
      </c>
      <c r="C453" s="14">
        <v>1</v>
      </c>
    </row>
    <row r="454" spans="1:4" x14ac:dyDescent="0.2">
      <c r="A454" s="14" t="s">
        <v>537</v>
      </c>
      <c r="B454" s="15" t="s">
        <v>683</v>
      </c>
      <c r="C454" s="14">
        <v>2</v>
      </c>
    </row>
    <row r="455" spans="1:4" x14ac:dyDescent="0.2">
      <c r="A455" s="14" t="s">
        <v>286</v>
      </c>
      <c r="B455" s="15" t="s">
        <v>684</v>
      </c>
      <c r="C455" s="14">
        <v>3</v>
      </c>
    </row>
    <row r="456" spans="1:4" x14ac:dyDescent="0.2">
      <c r="A456" s="14" t="s">
        <v>461</v>
      </c>
      <c r="B456" s="16" t="s">
        <v>685</v>
      </c>
      <c r="C456" s="14">
        <v>4</v>
      </c>
    </row>
    <row r="457" spans="1:4" x14ac:dyDescent="0.2">
      <c r="A457" s="14" t="s">
        <v>294</v>
      </c>
      <c r="B457" s="16" t="s">
        <v>686</v>
      </c>
      <c r="C457" s="14">
        <v>5</v>
      </c>
    </row>
    <row r="458" spans="1:4" x14ac:dyDescent="0.2">
      <c r="A458" s="14" t="s">
        <v>27</v>
      </c>
      <c r="B458" s="16" t="s">
        <v>687</v>
      </c>
      <c r="C458" s="14">
        <v>6</v>
      </c>
    </row>
    <row r="459" spans="1:4" x14ac:dyDescent="0.2">
      <c r="A459" s="14" t="s">
        <v>149</v>
      </c>
      <c r="B459" s="16" t="s">
        <v>688</v>
      </c>
      <c r="C459" s="14">
        <v>7</v>
      </c>
    </row>
    <row r="460" spans="1:4" x14ac:dyDescent="0.2">
      <c r="A460" s="14" t="s">
        <v>141</v>
      </c>
      <c r="B460" s="16" t="s">
        <v>689</v>
      </c>
      <c r="C460" s="14">
        <v>8</v>
      </c>
    </row>
    <row r="461" spans="1:4" x14ac:dyDescent="0.2">
      <c r="A461" s="14" t="s">
        <v>690</v>
      </c>
      <c r="B461" s="15" t="s">
        <v>691</v>
      </c>
      <c r="C461" s="14">
        <v>9</v>
      </c>
    </row>
    <row r="462" spans="1:4" x14ac:dyDescent="0.2">
      <c r="A462" s="14" t="s">
        <v>2</v>
      </c>
      <c r="B462" s="16" t="s">
        <v>837</v>
      </c>
      <c r="C462" s="14">
        <v>10</v>
      </c>
    </row>
    <row r="464" spans="1:4" x14ac:dyDescent="0.2">
      <c r="A464" s="5" t="s">
        <v>692</v>
      </c>
      <c r="B464" s="5"/>
      <c r="C464" s="5" t="s">
        <v>1</v>
      </c>
    </row>
    <row r="465" spans="1:3" x14ac:dyDescent="0.2">
      <c r="A465" s="4" t="s">
        <v>693</v>
      </c>
      <c r="B465" s="4" t="s">
        <v>694</v>
      </c>
      <c r="C465" s="3">
        <v>1</v>
      </c>
    </row>
    <row r="466" spans="1:3" x14ac:dyDescent="0.2">
      <c r="A466" s="4" t="s">
        <v>434</v>
      </c>
      <c r="B466" s="4" t="s">
        <v>695</v>
      </c>
      <c r="C466" s="3">
        <v>2</v>
      </c>
    </row>
    <row r="467" spans="1:3" x14ac:dyDescent="0.2">
      <c r="A467" s="4" t="s">
        <v>107</v>
      </c>
      <c r="B467" s="4" t="s">
        <v>696</v>
      </c>
      <c r="C467" s="3">
        <v>3</v>
      </c>
    </row>
    <row r="468" spans="1:3" x14ac:dyDescent="0.2">
      <c r="A468" s="4" t="s">
        <v>597</v>
      </c>
      <c r="B468" s="4" t="s">
        <v>697</v>
      </c>
      <c r="C468" s="3">
        <v>4</v>
      </c>
    </row>
    <row r="469" spans="1:3" x14ac:dyDescent="0.2">
      <c r="A469" s="4" t="s">
        <v>190</v>
      </c>
      <c r="B469" s="4" t="s">
        <v>698</v>
      </c>
      <c r="C469" s="3">
        <v>5</v>
      </c>
    </row>
    <row r="470" spans="1:3" x14ac:dyDescent="0.2">
      <c r="A470" s="4" t="s">
        <v>649</v>
      </c>
      <c r="B470" s="4" t="s">
        <v>699</v>
      </c>
      <c r="C470" s="3">
        <v>6</v>
      </c>
    </row>
    <row r="471" spans="1:3" x14ac:dyDescent="0.2">
      <c r="A471" s="4" t="s">
        <v>296</v>
      </c>
      <c r="B471" s="4" t="s">
        <v>700</v>
      </c>
      <c r="C471" s="3">
        <v>7</v>
      </c>
    </row>
    <row r="472" spans="1:3" x14ac:dyDescent="0.2">
      <c r="A472" s="17" t="s">
        <v>522</v>
      </c>
      <c r="B472" s="17" t="s">
        <v>701</v>
      </c>
      <c r="C472" s="3">
        <v>8</v>
      </c>
    </row>
    <row r="474" spans="1:3" x14ac:dyDescent="0.2">
      <c r="A474" s="5" t="s">
        <v>702</v>
      </c>
      <c r="B474" s="8"/>
    </row>
    <row r="475" spans="1:3" x14ac:dyDescent="0.2">
      <c r="A475" s="3" t="s">
        <v>676</v>
      </c>
      <c r="B475" s="3" t="s">
        <v>703</v>
      </c>
      <c r="C475" s="3">
        <v>1</v>
      </c>
    </row>
    <row r="476" spans="1:3" x14ac:dyDescent="0.2">
      <c r="A476" s="3" t="s">
        <v>5</v>
      </c>
      <c r="B476" s="3" t="s">
        <v>704</v>
      </c>
      <c r="C476" s="3">
        <v>2</v>
      </c>
    </row>
    <row r="477" spans="1:3" x14ac:dyDescent="0.2">
      <c r="A477" s="4" t="s">
        <v>39</v>
      </c>
      <c r="B477" s="4" t="s">
        <v>705</v>
      </c>
      <c r="C477" s="4">
        <v>3</v>
      </c>
    </row>
    <row r="478" spans="1:3" x14ac:dyDescent="0.2">
      <c r="A478" s="4" t="s">
        <v>75</v>
      </c>
      <c r="B478" s="4" t="s">
        <v>706</v>
      </c>
      <c r="C478" s="4">
        <v>4</v>
      </c>
    </row>
    <row r="479" spans="1:3" x14ac:dyDescent="0.2">
      <c r="A479" s="18" t="s">
        <v>707</v>
      </c>
      <c r="B479" s="18" t="s">
        <v>708</v>
      </c>
      <c r="C479" s="18">
        <v>5</v>
      </c>
    </row>
    <row r="480" spans="1:3" x14ac:dyDescent="0.2">
      <c r="A480" s="4" t="s">
        <v>21</v>
      </c>
      <c r="B480" s="4" t="s">
        <v>709</v>
      </c>
      <c r="C480" s="3">
        <v>6</v>
      </c>
    </row>
    <row r="481" spans="1:4" x14ac:dyDescent="0.2">
      <c r="A481" s="3" t="s">
        <v>196</v>
      </c>
      <c r="B481" s="3" t="s">
        <v>710</v>
      </c>
      <c r="C481" s="3">
        <v>7</v>
      </c>
    </row>
    <row r="482" spans="1:4" x14ac:dyDescent="0.2">
      <c r="A482" s="4" t="s">
        <v>144</v>
      </c>
      <c r="B482" s="4" t="s">
        <v>711</v>
      </c>
      <c r="C482" s="4">
        <v>8</v>
      </c>
    </row>
    <row r="483" spans="1:4" x14ac:dyDescent="0.2">
      <c r="A483" s="4" t="s">
        <v>334</v>
      </c>
      <c r="B483" s="4" t="s">
        <v>712</v>
      </c>
      <c r="C483" s="4">
        <v>9</v>
      </c>
    </row>
    <row r="484" spans="1:4" x14ac:dyDescent="0.2">
      <c r="A484" s="4" t="s">
        <v>68</v>
      </c>
      <c r="B484" s="4" t="s">
        <v>713</v>
      </c>
      <c r="C484" s="4">
        <v>10</v>
      </c>
    </row>
    <row r="486" spans="1:4" x14ac:dyDescent="0.2">
      <c r="A486" s="5" t="s">
        <v>714</v>
      </c>
      <c r="B486" s="11"/>
      <c r="C486" s="5"/>
      <c r="D486" s="2" t="s">
        <v>1</v>
      </c>
    </row>
    <row r="487" spans="1:4" x14ac:dyDescent="0.2">
      <c r="A487" s="3" t="s">
        <v>39</v>
      </c>
      <c r="B487" s="3" t="s">
        <v>715</v>
      </c>
      <c r="C487" s="3" t="s">
        <v>83</v>
      </c>
      <c r="D487" s="14">
        <v>1</v>
      </c>
    </row>
    <row r="488" spans="1:4" x14ac:dyDescent="0.2">
      <c r="A488" s="4" t="s">
        <v>84</v>
      </c>
      <c r="B488" s="4" t="s">
        <v>716</v>
      </c>
      <c r="C488" s="4" t="s">
        <v>717</v>
      </c>
      <c r="D488">
        <v>2</v>
      </c>
    </row>
    <row r="489" spans="1:4" x14ac:dyDescent="0.2">
      <c r="A489" s="17" t="s">
        <v>21</v>
      </c>
      <c r="B489" s="17" t="s">
        <v>718</v>
      </c>
      <c r="C489" s="17" t="s">
        <v>719</v>
      </c>
      <c r="D489">
        <v>3</v>
      </c>
    </row>
    <row r="490" spans="1:4" x14ac:dyDescent="0.2">
      <c r="A490" s="4" t="s">
        <v>56</v>
      </c>
      <c r="B490" s="4" t="s">
        <v>720</v>
      </c>
      <c r="C490" s="4" t="s">
        <v>721</v>
      </c>
      <c r="D490">
        <v>4</v>
      </c>
    </row>
    <row r="491" spans="1:4" x14ac:dyDescent="0.2">
      <c r="A491" s="4" t="s">
        <v>42</v>
      </c>
      <c r="B491" s="4" t="s">
        <v>503</v>
      </c>
      <c r="C491" s="4" t="s">
        <v>722</v>
      </c>
      <c r="D491">
        <v>5</v>
      </c>
    </row>
    <row r="492" spans="1:4" x14ac:dyDescent="0.2">
      <c r="A492" s="4" t="s">
        <v>647</v>
      </c>
      <c r="B492" s="4" t="s">
        <v>723</v>
      </c>
      <c r="C492" s="4" t="s">
        <v>724</v>
      </c>
      <c r="D492">
        <v>6</v>
      </c>
    </row>
    <row r="493" spans="1:4" x14ac:dyDescent="0.2">
      <c r="A493" s="4" t="s">
        <v>725</v>
      </c>
      <c r="B493" s="4" t="s">
        <v>726</v>
      </c>
      <c r="C493" s="4" t="s">
        <v>727</v>
      </c>
      <c r="D493">
        <v>7</v>
      </c>
    </row>
    <row r="494" spans="1:4" x14ac:dyDescent="0.2">
      <c r="A494" s="4" t="s">
        <v>690</v>
      </c>
      <c r="B494" s="4" t="s">
        <v>15</v>
      </c>
      <c r="C494" s="4" t="s">
        <v>728</v>
      </c>
      <c r="D494">
        <v>8</v>
      </c>
    </row>
    <row r="495" spans="1:4" x14ac:dyDescent="0.2">
      <c r="A495" s="4" t="s">
        <v>270</v>
      </c>
      <c r="B495" s="4" t="s">
        <v>729</v>
      </c>
      <c r="C495" s="4" t="s">
        <v>730</v>
      </c>
      <c r="D495">
        <v>9</v>
      </c>
    </row>
    <row r="496" spans="1:4" x14ac:dyDescent="0.2">
      <c r="A496" s="4" t="s">
        <v>731</v>
      </c>
      <c r="B496" s="4" t="s">
        <v>569</v>
      </c>
      <c r="C496" s="4" t="s">
        <v>732</v>
      </c>
      <c r="D496">
        <v>10</v>
      </c>
    </row>
    <row r="498" spans="1:4" x14ac:dyDescent="0.2">
      <c r="A498" s="5" t="s">
        <v>733</v>
      </c>
      <c r="B498" s="5"/>
      <c r="C498" s="5"/>
      <c r="D498" s="2" t="s">
        <v>1</v>
      </c>
    </row>
    <row r="499" spans="1:4" x14ac:dyDescent="0.2">
      <c r="A499" s="4" t="s">
        <v>560</v>
      </c>
      <c r="B499" s="4" t="s">
        <v>578</v>
      </c>
      <c r="C499" s="4" t="s">
        <v>734</v>
      </c>
      <c r="D499">
        <v>1</v>
      </c>
    </row>
    <row r="500" spans="1:4" x14ac:dyDescent="0.2">
      <c r="A500" s="4" t="s">
        <v>735</v>
      </c>
      <c r="B500" s="4" t="s">
        <v>48</v>
      </c>
      <c r="C500" s="4" t="s">
        <v>736</v>
      </c>
      <c r="D500">
        <v>2</v>
      </c>
    </row>
    <row r="501" spans="1:4" x14ac:dyDescent="0.2">
      <c r="A501" s="4" t="s">
        <v>112</v>
      </c>
      <c r="B501" s="4" t="s">
        <v>619</v>
      </c>
      <c r="C501" s="4" t="s">
        <v>277</v>
      </c>
      <c r="D501">
        <v>3</v>
      </c>
    </row>
    <row r="502" spans="1:4" x14ac:dyDescent="0.2">
      <c r="A502" s="4" t="s">
        <v>567</v>
      </c>
      <c r="B502" s="4" t="s">
        <v>737</v>
      </c>
      <c r="C502" s="4" t="s">
        <v>738</v>
      </c>
      <c r="D502">
        <v>4</v>
      </c>
    </row>
    <row r="503" spans="1:4" x14ac:dyDescent="0.2">
      <c r="A503" s="4" t="s">
        <v>560</v>
      </c>
      <c r="B503" s="4" t="s">
        <v>147</v>
      </c>
      <c r="C503" s="4" t="s">
        <v>739</v>
      </c>
      <c r="D503">
        <v>5</v>
      </c>
    </row>
    <row r="504" spans="1:4" x14ac:dyDescent="0.2">
      <c r="A504" s="4" t="s">
        <v>365</v>
      </c>
      <c r="B504" s="4" t="s">
        <v>740</v>
      </c>
      <c r="C504" s="4" t="s">
        <v>741</v>
      </c>
      <c r="D504">
        <v>6</v>
      </c>
    </row>
    <row r="505" spans="1:4" x14ac:dyDescent="0.2">
      <c r="A505" s="4" t="s">
        <v>434</v>
      </c>
      <c r="B505" s="4" t="s">
        <v>742</v>
      </c>
      <c r="C505" s="4" t="s">
        <v>743</v>
      </c>
      <c r="D505">
        <v>7</v>
      </c>
    </row>
    <row r="506" spans="1:4" x14ac:dyDescent="0.2">
      <c r="A506" s="4" t="s">
        <v>53</v>
      </c>
      <c r="B506" s="4" t="s">
        <v>744</v>
      </c>
      <c r="C506" s="4" t="s">
        <v>745</v>
      </c>
      <c r="D506">
        <v>8</v>
      </c>
    </row>
    <row r="507" spans="1:4" x14ac:dyDescent="0.2">
      <c r="A507" s="4" t="s">
        <v>676</v>
      </c>
      <c r="B507" s="4" t="s">
        <v>205</v>
      </c>
      <c r="C507" s="4" t="s">
        <v>261</v>
      </c>
      <c r="D507">
        <v>9</v>
      </c>
    </row>
    <row r="508" spans="1:4" x14ac:dyDescent="0.2">
      <c r="A508" s="4" t="s">
        <v>286</v>
      </c>
      <c r="B508" s="4" t="s">
        <v>746</v>
      </c>
      <c r="C508" s="4" t="s">
        <v>747</v>
      </c>
      <c r="D508">
        <v>10</v>
      </c>
    </row>
    <row r="510" spans="1:4" x14ac:dyDescent="0.2">
      <c r="A510" s="19" t="s">
        <v>748</v>
      </c>
      <c r="B510" s="5"/>
      <c r="C510" s="5"/>
      <c r="D510" s="5"/>
    </row>
    <row r="511" spans="1:4" x14ac:dyDescent="0.2">
      <c r="A511" s="3" t="s">
        <v>2</v>
      </c>
      <c r="B511" s="3" t="s">
        <v>749</v>
      </c>
    </row>
    <row r="512" spans="1:4" x14ac:dyDescent="0.2">
      <c r="A512" s="3" t="s">
        <v>461</v>
      </c>
      <c r="B512" s="3" t="s">
        <v>750</v>
      </c>
    </row>
    <row r="514" spans="1:3" x14ac:dyDescent="0.2">
      <c r="A514" s="5" t="s">
        <v>751</v>
      </c>
      <c r="C514" s="2" t="s">
        <v>1</v>
      </c>
    </row>
    <row r="515" spans="1:3" x14ac:dyDescent="0.2">
      <c r="A515" t="s">
        <v>752</v>
      </c>
      <c r="B515" t="s">
        <v>753</v>
      </c>
      <c r="C515">
        <v>1</v>
      </c>
    </row>
    <row r="516" spans="1:3" x14ac:dyDescent="0.2">
      <c r="A516" t="s">
        <v>754</v>
      </c>
      <c r="B516" t="s">
        <v>755</v>
      </c>
      <c r="C516">
        <v>2</v>
      </c>
    </row>
    <row r="517" spans="1:3" x14ac:dyDescent="0.2">
      <c r="A517" t="s">
        <v>756</v>
      </c>
      <c r="B517" t="s">
        <v>757</v>
      </c>
      <c r="C517">
        <v>3</v>
      </c>
    </row>
    <row r="518" spans="1:3" x14ac:dyDescent="0.2">
      <c r="A518" t="s">
        <v>754</v>
      </c>
      <c r="B518" t="s">
        <v>758</v>
      </c>
      <c r="C518">
        <v>4</v>
      </c>
    </row>
    <row r="519" spans="1:3" x14ac:dyDescent="0.2">
      <c r="A519" t="s">
        <v>759</v>
      </c>
      <c r="B519" t="s">
        <v>760</v>
      </c>
      <c r="C519">
        <v>5</v>
      </c>
    </row>
    <row r="520" spans="1:3" x14ac:dyDescent="0.2">
      <c r="A520" t="s">
        <v>761</v>
      </c>
      <c r="B520" t="s">
        <v>762</v>
      </c>
      <c r="C520">
        <v>6</v>
      </c>
    </row>
    <row r="521" spans="1:3" x14ac:dyDescent="0.2">
      <c r="A521" s="20" t="s">
        <v>763</v>
      </c>
      <c r="B521" t="s">
        <v>764</v>
      </c>
      <c r="C521">
        <v>7</v>
      </c>
    </row>
    <row r="522" spans="1:3" x14ac:dyDescent="0.2">
      <c r="A522" t="s">
        <v>765</v>
      </c>
      <c r="B522" t="s">
        <v>766</v>
      </c>
      <c r="C522">
        <v>8</v>
      </c>
    </row>
    <row r="523" spans="1:3" x14ac:dyDescent="0.2">
      <c r="A523" t="s">
        <v>767</v>
      </c>
      <c r="B523" t="s">
        <v>768</v>
      </c>
      <c r="C523">
        <v>9</v>
      </c>
    </row>
    <row r="524" spans="1:3" x14ac:dyDescent="0.2">
      <c r="A524" t="s">
        <v>769</v>
      </c>
      <c r="B524" t="s">
        <v>770</v>
      </c>
      <c r="C524">
        <v>10</v>
      </c>
    </row>
    <row r="526" spans="1:3" x14ac:dyDescent="0.2">
      <c r="A526" s="5" t="s">
        <v>771</v>
      </c>
      <c r="B526" s="5" t="s">
        <v>1</v>
      </c>
    </row>
    <row r="527" spans="1:3" x14ac:dyDescent="0.2">
      <c r="A527" t="s">
        <v>772</v>
      </c>
      <c r="B527">
        <v>1</v>
      </c>
    </row>
    <row r="528" spans="1:3" x14ac:dyDescent="0.2">
      <c r="A528" t="s">
        <v>773</v>
      </c>
      <c r="B528">
        <v>2</v>
      </c>
    </row>
    <row r="529" spans="1:4" x14ac:dyDescent="0.2">
      <c r="A529" t="s">
        <v>774</v>
      </c>
      <c r="B529">
        <v>3</v>
      </c>
    </row>
    <row r="530" spans="1:4" x14ac:dyDescent="0.2">
      <c r="A530" t="s">
        <v>775</v>
      </c>
      <c r="B530">
        <v>4</v>
      </c>
    </row>
    <row r="531" spans="1:4" x14ac:dyDescent="0.2">
      <c r="A531" t="s">
        <v>776</v>
      </c>
      <c r="B531">
        <v>5</v>
      </c>
    </row>
    <row r="532" spans="1:4" x14ac:dyDescent="0.2">
      <c r="A532" t="s">
        <v>777</v>
      </c>
      <c r="B532">
        <v>6</v>
      </c>
    </row>
    <row r="533" spans="1:4" x14ac:dyDescent="0.2">
      <c r="A533" t="s">
        <v>778</v>
      </c>
      <c r="B533">
        <v>7</v>
      </c>
    </row>
    <row r="534" spans="1:4" x14ac:dyDescent="0.2">
      <c r="A534" t="s">
        <v>779</v>
      </c>
      <c r="B534">
        <v>8</v>
      </c>
    </row>
    <row r="536" spans="1:4" x14ac:dyDescent="0.2">
      <c r="A536" s="5" t="s">
        <v>780</v>
      </c>
      <c r="B536" s="5"/>
      <c r="C536" s="5"/>
      <c r="D536" s="2" t="s">
        <v>1</v>
      </c>
    </row>
    <row r="537" spans="1:4" x14ac:dyDescent="0.2">
      <c r="A537" s="4" t="s">
        <v>338</v>
      </c>
      <c r="B537" s="4" t="s">
        <v>781</v>
      </c>
      <c r="C537" s="4" t="s">
        <v>782</v>
      </c>
      <c r="D537" s="3">
        <v>1</v>
      </c>
    </row>
    <row r="538" spans="1:4" x14ac:dyDescent="0.2">
      <c r="A538" s="4" t="s">
        <v>338</v>
      </c>
      <c r="B538" s="4" t="s">
        <v>783</v>
      </c>
      <c r="C538" s="4" t="s">
        <v>784</v>
      </c>
      <c r="D538" s="3">
        <v>2</v>
      </c>
    </row>
    <row r="539" spans="1:4" x14ac:dyDescent="0.2">
      <c r="A539" s="4" t="s">
        <v>556</v>
      </c>
      <c r="B539" s="4" t="s">
        <v>139</v>
      </c>
      <c r="C539" s="4" t="s">
        <v>785</v>
      </c>
      <c r="D539" s="3">
        <v>3</v>
      </c>
    </row>
    <row r="540" spans="1:4" x14ac:dyDescent="0.2">
      <c r="A540" s="4" t="s">
        <v>199</v>
      </c>
      <c r="B540" s="4" t="s">
        <v>627</v>
      </c>
      <c r="C540" s="4" t="s">
        <v>498</v>
      </c>
      <c r="D540" s="3">
        <v>4</v>
      </c>
    </row>
    <row r="541" spans="1:4" x14ac:dyDescent="0.2">
      <c r="A541" s="4" t="s">
        <v>560</v>
      </c>
      <c r="B541" s="4" t="s">
        <v>101</v>
      </c>
      <c r="C541" s="4" t="s">
        <v>786</v>
      </c>
      <c r="D541" s="3">
        <v>5</v>
      </c>
    </row>
    <row r="542" spans="1:4" x14ac:dyDescent="0.2">
      <c r="A542" s="4" t="s">
        <v>338</v>
      </c>
      <c r="B542" s="4" t="s">
        <v>105</v>
      </c>
      <c r="C542" s="4" t="s">
        <v>787</v>
      </c>
      <c r="D542" s="3">
        <v>6</v>
      </c>
    </row>
    <row r="543" spans="1:4" x14ac:dyDescent="0.2">
      <c r="A543" s="4" t="s">
        <v>349</v>
      </c>
      <c r="B543" s="4" t="s">
        <v>788</v>
      </c>
      <c r="C543" s="4" t="s">
        <v>789</v>
      </c>
      <c r="D543" s="3">
        <v>7</v>
      </c>
    </row>
    <row r="544" spans="1:4" x14ac:dyDescent="0.2">
      <c r="A544" s="4" t="s">
        <v>87</v>
      </c>
      <c r="B544" s="4" t="s">
        <v>790</v>
      </c>
      <c r="C544" s="4" t="s">
        <v>791</v>
      </c>
      <c r="D544" s="3">
        <v>8</v>
      </c>
    </row>
    <row r="546" spans="1:4" x14ac:dyDescent="0.2">
      <c r="A546" s="5" t="s">
        <v>792</v>
      </c>
      <c r="C546" s="10" t="s">
        <v>1</v>
      </c>
    </row>
    <row r="547" spans="1:4" x14ac:dyDescent="0.2">
      <c r="A547" s="3" t="s">
        <v>2</v>
      </c>
      <c r="B547" s="3" t="s">
        <v>793</v>
      </c>
      <c r="C547">
        <v>1</v>
      </c>
    </row>
    <row r="548" spans="1:4" x14ac:dyDescent="0.2">
      <c r="A548" s="3" t="s">
        <v>8</v>
      </c>
      <c r="B548" s="3" t="s">
        <v>794</v>
      </c>
      <c r="C548">
        <v>2</v>
      </c>
    </row>
    <row r="549" spans="1:4" x14ac:dyDescent="0.2">
      <c r="A549" s="4" t="s">
        <v>196</v>
      </c>
      <c r="B549" s="4" t="s">
        <v>795</v>
      </c>
      <c r="C549">
        <v>3</v>
      </c>
    </row>
    <row r="550" spans="1:4" x14ac:dyDescent="0.2">
      <c r="A550" s="4" t="s">
        <v>68</v>
      </c>
      <c r="B550" s="4" t="s">
        <v>796</v>
      </c>
      <c r="C550">
        <v>4</v>
      </c>
    </row>
    <row r="551" spans="1:4" x14ac:dyDescent="0.2">
      <c r="A551" s="4" t="s">
        <v>170</v>
      </c>
      <c r="B551" s="4" t="s">
        <v>797</v>
      </c>
      <c r="C551">
        <v>5</v>
      </c>
    </row>
    <row r="552" spans="1:4" x14ac:dyDescent="0.2">
      <c r="A552" s="4" t="s">
        <v>649</v>
      </c>
      <c r="B552" s="4" t="s">
        <v>798</v>
      </c>
      <c r="C552">
        <v>6</v>
      </c>
    </row>
    <row r="553" spans="1:4" x14ac:dyDescent="0.2">
      <c r="A553" s="4" t="s">
        <v>50</v>
      </c>
      <c r="B553" s="4" t="s">
        <v>799</v>
      </c>
      <c r="C553">
        <v>7</v>
      </c>
    </row>
    <row r="554" spans="1:4" x14ac:dyDescent="0.2">
      <c r="A554" s="3" t="s">
        <v>64</v>
      </c>
      <c r="B554" s="3" t="s">
        <v>800</v>
      </c>
      <c r="C554">
        <v>8</v>
      </c>
    </row>
    <row r="555" spans="1:4" x14ac:dyDescent="0.2">
      <c r="A555" s="4" t="s">
        <v>311</v>
      </c>
      <c r="B555" s="4" t="s">
        <v>801</v>
      </c>
      <c r="C555">
        <v>9</v>
      </c>
    </row>
    <row r="556" spans="1:4" x14ac:dyDescent="0.2">
      <c r="A556" s="4" t="s">
        <v>94</v>
      </c>
      <c r="B556" s="4" t="s">
        <v>802</v>
      </c>
      <c r="C556">
        <v>10</v>
      </c>
    </row>
    <row r="558" spans="1:4" x14ac:dyDescent="0.2">
      <c r="A558" s="19" t="s">
        <v>803</v>
      </c>
      <c r="B558" s="5"/>
      <c r="C558" s="5"/>
      <c r="D558" s="5"/>
    </row>
    <row r="559" spans="1:4" x14ac:dyDescent="0.2">
      <c r="A559" s="3" t="s">
        <v>60</v>
      </c>
      <c r="B559" s="3" t="s">
        <v>804</v>
      </c>
    </row>
    <row r="561" spans="1:4" x14ac:dyDescent="0.2">
      <c r="A561" s="5" t="s">
        <v>805</v>
      </c>
      <c r="B561" s="5"/>
      <c r="C561" s="5"/>
      <c r="D561" s="2" t="s">
        <v>1</v>
      </c>
    </row>
    <row r="562" spans="1:4" x14ac:dyDescent="0.2">
      <c r="A562" s="4" t="s">
        <v>2</v>
      </c>
      <c r="B562" s="4" t="s">
        <v>363</v>
      </c>
      <c r="C562" s="4" t="s">
        <v>806</v>
      </c>
      <c r="D562" s="3">
        <v>1</v>
      </c>
    </row>
    <row r="563" spans="1:4" x14ac:dyDescent="0.2">
      <c r="A563" s="4" t="s">
        <v>341</v>
      </c>
      <c r="B563" s="4" t="s">
        <v>807</v>
      </c>
      <c r="C563" s="4" t="s">
        <v>808</v>
      </c>
      <c r="D563" s="3">
        <v>2</v>
      </c>
    </row>
    <row r="564" spans="1:4" x14ac:dyDescent="0.2">
      <c r="A564" s="4" t="s">
        <v>480</v>
      </c>
      <c r="B564" s="4" t="s">
        <v>809</v>
      </c>
      <c r="C564" s="4" t="s">
        <v>810</v>
      </c>
      <c r="D564" s="3">
        <v>3</v>
      </c>
    </row>
    <row r="565" spans="1:4" x14ac:dyDescent="0.2">
      <c r="A565" s="4" t="s">
        <v>144</v>
      </c>
      <c r="B565" s="4" t="s">
        <v>493</v>
      </c>
      <c r="C565" s="4" t="s">
        <v>811</v>
      </c>
      <c r="D565" s="3">
        <v>4</v>
      </c>
    </row>
    <row r="566" spans="1:4" x14ac:dyDescent="0.2">
      <c r="A566" s="4" t="s">
        <v>60</v>
      </c>
      <c r="B566" s="4" t="s">
        <v>400</v>
      </c>
      <c r="C566" s="4" t="s">
        <v>450</v>
      </c>
      <c r="D566" s="3">
        <v>5</v>
      </c>
    </row>
    <row r="567" spans="1:4" x14ac:dyDescent="0.2">
      <c r="A567" s="4" t="s">
        <v>64</v>
      </c>
      <c r="B567" s="4" t="s">
        <v>410</v>
      </c>
      <c r="C567" s="4" t="s">
        <v>628</v>
      </c>
      <c r="D567" s="3">
        <v>6</v>
      </c>
    </row>
    <row r="568" spans="1:4" x14ac:dyDescent="0.2">
      <c r="A568" s="4" t="s">
        <v>2</v>
      </c>
      <c r="B568" s="4" t="s">
        <v>812</v>
      </c>
      <c r="C568" s="4" t="s">
        <v>813</v>
      </c>
      <c r="D568" s="3">
        <v>7</v>
      </c>
    </row>
    <row r="569" spans="1:4" x14ac:dyDescent="0.2">
      <c r="A569" s="4" t="s">
        <v>334</v>
      </c>
      <c r="B569" s="4" t="s">
        <v>814</v>
      </c>
      <c r="C569" s="4" t="s">
        <v>815</v>
      </c>
      <c r="D569" s="3">
        <v>8</v>
      </c>
    </row>
    <row r="570" spans="1:4" x14ac:dyDescent="0.2">
      <c r="A570" s="4" t="s">
        <v>47</v>
      </c>
      <c r="B570" s="4" t="s">
        <v>312</v>
      </c>
      <c r="C570" s="4" t="s">
        <v>816</v>
      </c>
      <c r="D570" s="3">
        <v>9</v>
      </c>
    </row>
    <row r="571" spans="1:4" x14ac:dyDescent="0.2">
      <c r="A571" s="4" t="s">
        <v>583</v>
      </c>
      <c r="B571" s="4" t="s">
        <v>414</v>
      </c>
      <c r="C571" s="4" t="s">
        <v>817</v>
      </c>
      <c r="D571" s="3">
        <v>10</v>
      </c>
    </row>
    <row r="573" spans="1:4" x14ac:dyDescent="0.2">
      <c r="A573" s="5" t="s">
        <v>818</v>
      </c>
      <c r="B573" s="5"/>
      <c r="C573" s="5"/>
      <c r="D573" s="2" t="s">
        <v>1</v>
      </c>
    </row>
    <row r="574" spans="1:4" x14ac:dyDescent="0.2">
      <c r="A574" s="4" t="s">
        <v>144</v>
      </c>
      <c r="B574" s="4" t="s">
        <v>819</v>
      </c>
      <c r="C574" s="4" t="s">
        <v>820</v>
      </c>
      <c r="D574" s="3">
        <v>1</v>
      </c>
    </row>
    <row r="575" spans="1:4" x14ac:dyDescent="0.2">
      <c r="A575" s="4" t="s">
        <v>47</v>
      </c>
      <c r="B575" s="4" t="s">
        <v>303</v>
      </c>
      <c r="C575" s="4" t="s">
        <v>821</v>
      </c>
      <c r="D575" s="3">
        <v>2</v>
      </c>
    </row>
    <row r="576" spans="1:4" x14ac:dyDescent="0.2">
      <c r="A576" s="4" t="s">
        <v>308</v>
      </c>
      <c r="B576" s="4" t="s">
        <v>822</v>
      </c>
      <c r="C576" s="4" t="s">
        <v>823</v>
      </c>
      <c r="D576" s="3">
        <v>3</v>
      </c>
    </row>
    <row r="577" spans="1:4" x14ac:dyDescent="0.2">
      <c r="A577" s="4" t="s">
        <v>461</v>
      </c>
      <c r="B577" s="4" t="s">
        <v>462</v>
      </c>
      <c r="C577" s="4" t="s">
        <v>824</v>
      </c>
      <c r="D577" s="3">
        <v>4</v>
      </c>
    </row>
    <row r="578" spans="1:4" x14ac:dyDescent="0.2">
      <c r="A578" s="4" t="s">
        <v>537</v>
      </c>
      <c r="B578" s="4" t="s">
        <v>825</v>
      </c>
      <c r="C578" s="4" t="s">
        <v>826</v>
      </c>
      <c r="D578" s="3">
        <v>5</v>
      </c>
    </row>
    <row r="579" spans="1:4" x14ac:dyDescent="0.2">
      <c r="A579" s="4" t="s">
        <v>24</v>
      </c>
      <c r="B579" s="4" t="s">
        <v>827</v>
      </c>
      <c r="C579" s="4" t="s">
        <v>828</v>
      </c>
      <c r="D579" s="3">
        <v>6</v>
      </c>
    </row>
    <row r="580" spans="1:4" x14ac:dyDescent="0.2">
      <c r="A580" s="4" t="s">
        <v>2</v>
      </c>
      <c r="B580" s="4" t="s">
        <v>829</v>
      </c>
      <c r="C580" s="4" t="s">
        <v>830</v>
      </c>
      <c r="D580" s="3">
        <v>7</v>
      </c>
    </row>
    <row r="581" spans="1:4" x14ac:dyDescent="0.2">
      <c r="A581" s="4" t="s">
        <v>47</v>
      </c>
      <c r="B581" s="4" t="s">
        <v>831</v>
      </c>
      <c r="C581" s="4" t="s">
        <v>832</v>
      </c>
      <c r="D581" s="3">
        <v>8</v>
      </c>
    </row>
    <row r="582" spans="1:4" x14ac:dyDescent="0.2">
      <c r="A582" s="4" t="s">
        <v>104</v>
      </c>
      <c r="B582" s="4" t="s">
        <v>833</v>
      </c>
      <c r="C582" s="4" t="s">
        <v>834</v>
      </c>
      <c r="D582" s="3">
        <v>9</v>
      </c>
    </row>
    <row r="583" spans="1:4" x14ac:dyDescent="0.2">
      <c r="A583" s="4" t="s">
        <v>328</v>
      </c>
      <c r="B583" s="4" t="s">
        <v>835</v>
      </c>
      <c r="C583" s="4" t="s">
        <v>836</v>
      </c>
      <c r="D583" s="3">
        <v>10</v>
      </c>
    </row>
  </sheetData>
  <phoneticPr fontId="0" type="noConversion"/>
  <pageMargins left="0.75" right="0.75" top="1" bottom="1" header="0.5" footer="0.5"/>
  <pageSetup orientation="portrait" horizontalDpi="4294967294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"/>
  <sheetViews>
    <sheetView workbookViewId="0"/>
  </sheetViews>
  <sheetFormatPr defaultRowHeight="12.75" x14ac:dyDescent="0.2"/>
  <sheetData/>
  <phoneticPr fontId="0" type="noConversion"/>
  <pageMargins left="0.75" right="0.75" top="1" bottom="1" header="0.5" footer="0.5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"/>
  <sheetViews>
    <sheetView workbookViewId="0"/>
  </sheetViews>
  <sheetFormatPr defaultRowHeight="12.75" x14ac:dyDescent="0.2"/>
  <sheetData/>
  <phoneticPr fontId="0" type="noConversion"/>
  <pageMargins left="0.75" right="0.75" top="1" bottom="1" header="0.5" footer="0.5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Company>Colorado Community College System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ramirez</dc:creator>
  <cp:lastModifiedBy>Davis, Molly</cp:lastModifiedBy>
  <dcterms:created xsi:type="dcterms:W3CDTF">2007-04-19T20:04:39Z</dcterms:created>
  <dcterms:modified xsi:type="dcterms:W3CDTF">2021-07-19T16:57:39Z</dcterms:modified>
</cp:coreProperties>
</file>